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8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1921"/>
    <a:srgbClr val="C60808"/>
    <a:srgbClr val="FF9B00"/>
    <a:srgbClr val="FEBD69"/>
    <a:srgbClr val="232F3E"/>
    <a:srgbClr val="F8981D"/>
    <a:srgbClr val="313D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452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08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9782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438274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906220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244320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077668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591630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739375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535764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739211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814371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733022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63E5BD-0C8E-4D96-A8E0-C30D84526D0C}" type="datetimeFigureOut">
              <a:rPr lang="ro-RO" smtClean="0"/>
              <a:t>13.02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24798569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image" Target="../media/image4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32F3E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180249FD-E0D4-2181-7B55-56F67CC32A5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SL_0d79abd205bd4135b44f6cdde4489e44_BackgroundRectangle">
            <a:extLst>
              <a:ext uri="{FF2B5EF4-FFF2-40B4-BE49-F238E27FC236}">
                <a16:creationId xmlns:a16="http://schemas.microsoft.com/office/drawing/2014/main" id="{B086DB57-4388-346F-8BDD-1DFEDD61146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12900"/>
            <a:ext cx="11201400" cy="1137539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_89730f7f39ba45f78547ff3cf954da1d_BackgroundRectangle">
            <a:extLst>
              <a:ext uri="{FF2B5EF4-FFF2-40B4-BE49-F238E27FC236}">
                <a16:creationId xmlns:a16="http://schemas.microsoft.com/office/drawing/2014/main" id="{0763E6CA-81CD-7DD8-21A1-7EC6C7753F4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13939"/>
            <a:ext cx="11201400" cy="798153"/>
          </a:xfrm>
          <a:prstGeom prst="rect">
            <a:avLst/>
          </a:prstGeom>
          <a:solidFill>
            <a:srgbClr val="FF9B00">
              <a:alpha val="1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15345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OTLSHAPE_SL_82a4d17ec1e84afbb1f0d2fbf451b437_BackgroundRectangle">
            <a:extLst>
              <a:ext uri="{FF2B5EF4-FFF2-40B4-BE49-F238E27FC236}">
                <a16:creationId xmlns:a16="http://schemas.microsoft.com/office/drawing/2014/main" id="{3BEE05D6-8580-1C11-54F6-A26E01B376D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75592"/>
            <a:ext cx="11201400" cy="1583605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8d7024ab0d994f1492ff0a766814e012_BackgroundRectangle">
            <a:extLst>
              <a:ext uri="{FF2B5EF4-FFF2-40B4-BE49-F238E27FC236}">
                <a16:creationId xmlns:a16="http://schemas.microsoft.com/office/drawing/2014/main" id="{8152B41C-A5F3-F3DD-E852-94556701A19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322697"/>
            <a:ext cx="11201400" cy="1218819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SL2A_df6ca92c9ba441cbbd851839e683fcd3_BackgroundRectangle" hidden="1">
            <a:extLst>
              <a:ext uri="{FF2B5EF4-FFF2-40B4-BE49-F238E27FC236}">
                <a16:creationId xmlns:a16="http://schemas.microsoft.com/office/drawing/2014/main" id="{037AAB67-8C21-BC64-4F44-C01238614F5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619165" y="1612900"/>
            <a:ext cx="9652000" cy="113753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2A_b0a3cc6203f34d4eb8a25252464efd36_BackgroundRectangle" hidden="1">
            <a:extLst>
              <a:ext uri="{FF2B5EF4-FFF2-40B4-BE49-F238E27FC236}">
                <a16:creationId xmlns:a16="http://schemas.microsoft.com/office/drawing/2014/main" id="{A4C6A476-DEBA-FAB6-8C2E-77721588161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619165" y="2813939"/>
            <a:ext cx="9652000" cy="79815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2A_42b60eb31f42427aba7603c0a18b6c6f_BackgroundRectangle" hidden="1">
            <a:extLst>
              <a:ext uri="{FF2B5EF4-FFF2-40B4-BE49-F238E27FC236}">
                <a16:creationId xmlns:a16="http://schemas.microsoft.com/office/drawing/2014/main" id="{E4FD086E-A254-0335-B39F-A73D0566B43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619165" y="3675592"/>
            <a:ext cx="9652000" cy="15836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2A_1bdd57c746b6402c905a8c98540a40e7_BackgroundRectangle" hidden="1">
            <a:extLst>
              <a:ext uri="{FF2B5EF4-FFF2-40B4-BE49-F238E27FC236}">
                <a16:creationId xmlns:a16="http://schemas.microsoft.com/office/drawing/2014/main" id="{316DFDDF-DD8D-3382-4A53-93050CD6F25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619165" y="5322697"/>
            <a:ext cx="9652000" cy="1218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 hidden="1">
            <a:extLst>
              <a:ext uri="{FF2B5EF4-FFF2-40B4-BE49-F238E27FC236}">
                <a16:creationId xmlns:a16="http://schemas.microsoft.com/office/drawing/2014/main" id="{A92E1EC5-A488-C732-32C1-1089143489D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6D2D3"/>
                </a:solidFill>
                <a:latin typeface="Calibri" panose="020F0502020204030204" pitchFamily="34" charset="0"/>
              </a:rPr>
              <a:t>1963</a:t>
            </a:r>
          </a:p>
        </p:txBody>
      </p:sp>
      <p:sp>
        <p:nvSpPr>
          <p:cNvPr id="58" name="OTLSHAPE_TB_00000000000000000000000000000000_RightEndCaps" hidden="1">
            <a:extLst>
              <a:ext uri="{FF2B5EF4-FFF2-40B4-BE49-F238E27FC236}">
                <a16:creationId xmlns:a16="http://schemas.microsoft.com/office/drawing/2014/main" id="{A48B75E5-E569-7CF3-D052-D902174F6F19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6D2D3"/>
                </a:solidFill>
                <a:latin typeface="Calibri" panose="020F0502020204030204" pitchFamily="34" charset="0"/>
              </a:rPr>
              <a:t>2028</a:t>
            </a:r>
          </a:p>
        </p:txBody>
      </p:sp>
      <p:sp>
        <p:nvSpPr>
          <p:cNvPr id="3984" name="OTLSHAPE_TB_00000000000000000000000000000000_ScaleContainer">
            <a:extLst>
              <a:ext uri="{FF2B5EF4-FFF2-40B4-BE49-F238E27FC236}">
                <a16:creationId xmlns:a16="http://schemas.microsoft.com/office/drawing/2014/main" id="{34080578-B7AB-5821-D08E-08DAFEB43D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746165" y="1028700"/>
            <a:ext cx="9525000" cy="381000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_0d79abd205bd4135b44f6cdde4489e44_HeaderRectangle">
            <a:extLst>
              <a:ext uri="{FF2B5EF4-FFF2-40B4-BE49-F238E27FC236}">
                <a16:creationId xmlns:a16="http://schemas.microsoft.com/office/drawing/2014/main" id="{D1695985-1B31-CA18-CC4A-28E81C25939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612900"/>
            <a:ext cx="1562100" cy="1137539"/>
          </a:xfrm>
          <a:prstGeom prst="rect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SL_89730f7f39ba45f78547ff3cf954da1d_HeaderRectangle">
            <a:extLst>
              <a:ext uri="{FF2B5EF4-FFF2-40B4-BE49-F238E27FC236}">
                <a16:creationId xmlns:a16="http://schemas.microsoft.com/office/drawing/2014/main" id="{87AC2A76-6D9B-F44B-0CAF-AB0C23C3C3C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813939"/>
            <a:ext cx="1562100" cy="798153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_82a4d17ec1e84afbb1f0d2fbf451b437_HeaderRectangle">
            <a:extLst>
              <a:ext uri="{FF2B5EF4-FFF2-40B4-BE49-F238E27FC236}">
                <a16:creationId xmlns:a16="http://schemas.microsoft.com/office/drawing/2014/main" id="{6AD50CA9-5567-2DFB-843F-1837D781199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675592"/>
            <a:ext cx="1562100" cy="1583605"/>
          </a:xfrm>
          <a:prstGeom prst="rect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_8d7024ab0d994f1492ff0a766814e012_HeaderRectangle">
            <a:extLst>
              <a:ext uri="{FF2B5EF4-FFF2-40B4-BE49-F238E27FC236}">
                <a16:creationId xmlns:a16="http://schemas.microsoft.com/office/drawing/2014/main" id="{B054810E-3A52-654F-82AD-F9893F8F7BB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322697"/>
            <a:ext cx="1562100" cy="1218819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SL2A_df6ca92c9ba441cbbd851839e683fcd3_HeaderRectangle" hidden="1">
            <a:extLst>
              <a:ext uri="{FF2B5EF4-FFF2-40B4-BE49-F238E27FC236}">
                <a16:creationId xmlns:a16="http://schemas.microsoft.com/office/drawing/2014/main" id="{4CE13EBD-5846-C8B1-1343-93B4483791D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19165" y="1612900"/>
            <a:ext cx="0" cy="0"/>
          </a:xfrm>
          <a:prstGeom prst="rect">
            <a:avLst/>
          </a:prstGeom>
          <a:solidFill>
            <a:srgbClr val="F8981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2A_b0a3cc6203f34d4eb8a25252464efd36_HeaderRectangle" hidden="1">
            <a:extLst>
              <a:ext uri="{FF2B5EF4-FFF2-40B4-BE49-F238E27FC236}">
                <a16:creationId xmlns:a16="http://schemas.microsoft.com/office/drawing/2014/main" id="{052F8321-5A00-BC84-D26A-BB41848F838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619165" y="2813939"/>
            <a:ext cx="0" cy="0"/>
          </a:xfrm>
          <a:prstGeom prst="rect">
            <a:avLst/>
          </a:prstGeom>
          <a:solidFill>
            <a:srgbClr val="F8981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2A_42b60eb31f42427aba7603c0a18b6c6f_HeaderRectangle" hidden="1">
            <a:extLst>
              <a:ext uri="{FF2B5EF4-FFF2-40B4-BE49-F238E27FC236}">
                <a16:creationId xmlns:a16="http://schemas.microsoft.com/office/drawing/2014/main" id="{96097664-3377-9121-169D-E180F7EFAC8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619165" y="3675592"/>
            <a:ext cx="0" cy="0"/>
          </a:xfrm>
          <a:prstGeom prst="rect">
            <a:avLst/>
          </a:prstGeom>
          <a:solidFill>
            <a:srgbClr val="F8981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2A_1bdd57c746b6402c905a8c98540a40e7_HeaderRectangle" hidden="1">
            <a:extLst>
              <a:ext uri="{FF2B5EF4-FFF2-40B4-BE49-F238E27FC236}">
                <a16:creationId xmlns:a16="http://schemas.microsoft.com/office/drawing/2014/main" id="{A459F71D-52DF-42FA-099B-CAE33B5A290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619165" y="5322697"/>
            <a:ext cx="0" cy="0"/>
          </a:xfrm>
          <a:prstGeom prst="rect">
            <a:avLst/>
          </a:prstGeom>
          <a:solidFill>
            <a:srgbClr val="F8981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5" name="OTLSHAPE_SLM_6c6b095a686c491190e0c4de5f26901c_Shape">
            <a:extLst>
              <a:ext uri="{FF2B5EF4-FFF2-40B4-BE49-F238E27FC236}">
                <a16:creationId xmlns:a16="http://schemas.microsoft.com/office/drawing/2014/main" id="{1825D01F-5A28-04B3-2961-A0E895C3431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 rot="16200000">
            <a:off x="5991913" y="1774486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6" name="OTLSHAPE_SLM_79af8ac6c9474c3187f246703d5789d9_Shape">
            <a:extLst>
              <a:ext uri="{FF2B5EF4-FFF2-40B4-BE49-F238E27FC236}">
                <a16:creationId xmlns:a16="http://schemas.microsoft.com/office/drawing/2014/main" id="{673B2351-1138-8226-2700-AA6420E8523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989287" y="3003465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7" name="OTLSHAPE_SLM_41339b17e57e42c2853212570879e5d6_Shape">
            <a:extLst>
              <a:ext uri="{FF2B5EF4-FFF2-40B4-BE49-F238E27FC236}">
                <a16:creationId xmlns:a16="http://schemas.microsoft.com/office/drawing/2014/main" id="{8DC4F0F4-9EBD-9F88-1435-D3FCC3D2CB5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412786" y="33961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5" name="OTLSHAPE_SLM_627dd14d5955498ea99c7766a79d5777_Shape">
            <a:extLst>
              <a:ext uri="{FF2B5EF4-FFF2-40B4-BE49-F238E27FC236}">
                <a16:creationId xmlns:a16="http://schemas.microsoft.com/office/drawing/2014/main" id="{F3DB08EC-1484-6553-0A8B-2D1D1DF7E9B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36284" y="3003465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4" name="OTLSHAPE_SLM_1cbcd6d64b32418abeba475dfbc735ff_Shape">
            <a:extLst>
              <a:ext uri="{FF2B5EF4-FFF2-40B4-BE49-F238E27FC236}">
                <a16:creationId xmlns:a16="http://schemas.microsoft.com/office/drawing/2014/main" id="{C8734A57-A782-F02A-CA3E-94A2BB4F56D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159847" y="3003465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40" name="OTLSHAPE_SLM_42e9c46fda734a40850f814cc68e04d0_Shape">
            <a:extLst>
              <a:ext uri="{FF2B5EF4-FFF2-40B4-BE49-F238E27FC236}">
                <a16:creationId xmlns:a16="http://schemas.microsoft.com/office/drawing/2014/main" id="{3E0EE6A1-9428-4BF4-C677-CCA5D4372F2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flipV="1">
            <a:off x="6214501" y="383717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8" name="OTLSHAPE_SLM_8d3a5b2e890544579ee7df0573826d2b_Shape">
            <a:extLst>
              <a:ext uri="{FF2B5EF4-FFF2-40B4-BE49-F238E27FC236}">
                <a16:creationId xmlns:a16="http://schemas.microsoft.com/office/drawing/2014/main" id="{6826A18E-FE47-846D-4F7B-17617AFCEB2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flipV="1">
            <a:off x="5277341" y="4229904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1" name="OTLSHAPE_SLM_610c06375c164e8c9d57359713e9d06a_Shape">
            <a:extLst>
              <a:ext uri="{FF2B5EF4-FFF2-40B4-BE49-F238E27FC236}">
                <a16:creationId xmlns:a16="http://schemas.microsoft.com/office/drawing/2014/main" id="{0C501A69-CA0A-0A34-F364-1E436E63976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flipV="1">
            <a:off x="8880770" y="383717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9" name="OTLSHAPE_SLM_2644f6b3ddea4ac1ad594968681a1838_Shape">
            <a:extLst>
              <a:ext uri="{FF2B5EF4-FFF2-40B4-BE49-F238E27FC236}">
                <a16:creationId xmlns:a16="http://schemas.microsoft.com/office/drawing/2014/main" id="{74222F8D-088E-8E5D-505D-334072D8D22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flipV="1">
            <a:off x="7006844" y="383717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2" name="OTLSHAPE_SLM_15bc96ebda78484f9c37f3826174da4b_Shape">
            <a:extLst>
              <a:ext uri="{FF2B5EF4-FFF2-40B4-BE49-F238E27FC236}">
                <a16:creationId xmlns:a16="http://schemas.microsoft.com/office/drawing/2014/main" id="{43FAF572-4C8F-B1E2-9223-C294A7538C4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flipV="1">
            <a:off x="9534612" y="4229904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3" name="OTLSHAPE_SLM_d5db097ac2ba4319ae894be41a24788d_Shape">
            <a:extLst>
              <a:ext uri="{FF2B5EF4-FFF2-40B4-BE49-F238E27FC236}">
                <a16:creationId xmlns:a16="http://schemas.microsoft.com/office/drawing/2014/main" id="{F13E7BEE-87A6-B5A3-7D01-E61298FF704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flipV="1">
            <a:off x="6574765" y="4229904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6" name="OTLSHAPE_SLM_b3c1c87bf1be4ce08fc2f404bd0fa129_Shape">
            <a:extLst>
              <a:ext uri="{FF2B5EF4-FFF2-40B4-BE49-F238E27FC236}">
                <a16:creationId xmlns:a16="http://schemas.microsoft.com/office/drawing/2014/main" id="{E076509C-B840-02B7-AD5E-35637523CD3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flipV="1">
            <a:off x="6718791" y="4650571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69" name="OTLSHAPE_SLM_916ce539e9284b0488049ab6c13a4f83_Shape">
            <a:extLst>
              <a:ext uri="{FF2B5EF4-FFF2-40B4-BE49-F238E27FC236}">
                <a16:creationId xmlns:a16="http://schemas.microsoft.com/office/drawing/2014/main" id="{B91658EA-4238-692B-53CC-1A26B61C386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6856468" y="2512949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4" name="OTLSHAPE_SLM_6a4dfc9b1e004d9f894c7e2309043d13_Shape">
            <a:extLst>
              <a:ext uri="{FF2B5EF4-FFF2-40B4-BE49-F238E27FC236}">
                <a16:creationId xmlns:a16="http://schemas.microsoft.com/office/drawing/2014/main" id="{4A2E3B59-42FD-BEE3-AB95-D7F65A4A97D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flipV="1">
            <a:off x="8880770" y="4650571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3" name="OTLSHAPE_SLM_7bccf882f12941c2817a10184164e27b_Shape">
            <a:extLst>
              <a:ext uri="{FF2B5EF4-FFF2-40B4-BE49-F238E27FC236}">
                <a16:creationId xmlns:a16="http://schemas.microsoft.com/office/drawing/2014/main" id="{D169C734-647C-EDC2-C7D4-3994FED7D9C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6224329" y="212657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22" name="OTLSHAPE_SLM_77ab58fe64e34e36a6e1102d9b00642f_Shape">
            <a:extLst>
              <a:ext uri="{FF2B5EF4-FFF2-40B4-BE49-F238E27FC236}">
                <a16:creationId xmlns:a16="http://schemas.microsoft.com/office/drawing/2014/main" id="{CFA410A0-4964-9FE7-E323-FF5961B8879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7454671" y="1774486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24" name="OTLSHAPE_SLM_f26e7b29a33c42dc9e320cd393e5a0ae_Shape">
            <a:extLst>
              <a:ext uri="{FF2B5EF4-FFF2-40B4-BE49-F238E27FC236}">
                <a16:creationId xmlns:a16="http://schemas.microsoft.com/office/drawing/2014/main" id="{88C99DC0-4C8C-C0A2-0139-596DC0D57C4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9382261" y="212657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56" name="OTLSHAPE_SLM_58dad2093d044c578b04aaa3eaded399_Shape">
            <a:extLst>
              <a:ext uri="{FF2B5EF4-FFF2-40B4-BE49-F238E27FC236}">
                <a16:creationId xmlns:a16="http://schemas.microsoft.com/office/drawing/2014/main" id="{4AB68C00-DFAE-6D42-0B42-F1396B661E8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9771725" y="212657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1" name="OTLSHAPE_SLM_167e2f5fc03c46f6a61e9e49a272d0b3_Shape">
            <a:extLst>
              <a:ext uri="{FF2B5EF4-FFF2-40B4-BE49-F238E27FC236}">
                <a16:creationId xmlns:a16="http://schemas.microsoft.com/office/drawing/2014/main" id="{2376B0F5-BB2A-CE14-A16D-25B73CF181A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9770147" y="1774486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9" name="OTLSHAPE_SLM_931b77490a854480ba9afe6cd8f9ba8a_Shape">
            <a:extLst>
              <a:ext uri="{FF2B5EF4-FFF2-40B4-BE49-F238E27FC236}">
                <a16:creationId xmlns:a16="http://schemas.microsoft.com/office/drawing/2014/main" id="{B0FD5DF1-02CC-2B98-6B7C-B6CA465FE90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876823" y="5512223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1" name="OTLSHAPE_SLM_7957f1dc9824497bb0fedb139ff2707f_Shape">
            <a:extLst>
              <a:ext uri="{FF2B5EF4-FFF2-40B4-BE49-F238E27FC236}">
                <a16:creationId xmlns:a16="http://schemas.microsoft.com/office/drawing/2014/main" id="{8D55FB7F-EA1B-E147-7E36-81838C4E12D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521589" y="5904950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0" name="OTLSHAPE_SLM_f362515aa2a6484692614906fa44215f_Shape">
            <a:extLst>
              <a:ext uri="{FF2B5EF4-FFF2-40B4-BE49-F238E27FC236}">
                <a16:creationId xmlns:a16="http://schemas.microsoft.com/office/drawing/2014/main" id="{F9500DBB-B29F-CAEA-E14A-AFB1FA278B6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705076" y="5512223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3" name="OTLSHAPE_SLM_218267206c774e66a15e269cc521172a_Shape">
            <a:extLst>
              <a:ext uri="{FF2B5EF4-FFF2-40B4-BE49-F238E27FC236}">
                <a16:creationId xmlns:a16="http://schemas.microsoft.com/office/drawing/2014/main" id="{1D2A425C-1E12-E0F3-94F3-94D65D72560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601692" y="6297676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2" name="OTLSHAPE_SLM_f9b2556f0b10415d9dba199203b10564_Shape">
            <a:extLst>
              <a:ext uri="{FF2B5EF4-FFF2-40B4-BE49-F238E27FC236}">
                <a16:creationId xmlns:a16="http://schemas.microsoft.com/office/drawing/2014/main" id="{5BED1324-D0A4-A999-688F-42E455C735E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903951" y="5904950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7" name="OTLSHAPE_SLM_0482a45758ee4b53bbc81bc556d0e35a_Shape">
            <a:extLst>
              <a:ext uri="{FF2B5EF4-FFF2-40B4-BE49-F238E27FC236}">
                <a16:creationId xmlns:a16="http://schemas.microsoft.com/office/drawing/2014/main" id="{F09A0DDA-8B0F-8E61-D224-C9F51E0E42A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9811579" y="2512949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4" name="OTLSHAPE_SLM_b5adde3d8a2a44ee86fe7b8a1d2fb54a_Shape">
            <a:extLst>
              <a:ext uri="{FF2B5EF4-FFF2-40B4-BE49-F238E27FC236}">
                <a16:creationId xmlns:a16="http://schemas.microsoft.com/office/drawing/2014/main" id="{35CD0ED1-E22E-DE2E-E7F8-F685E9DE9C0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158069" y="6297676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7" name="OTLSHAPE_SLM_9d24c14e21a9414cb0743556423d7622_Shape">
            <a:extLst>
              <a:ext uri="{FF2B5EF4-FFF2-40B4-BE49-F238E27FC236}">
                <a16:creationId xmlns:a16="http://schemas.microsoft.com/office/drawing/2014/main" id="{2CDF440D-CBAB-2EF6-AECB-EC9BA902D27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flipV="1">
            <a:off x="10125318" y="4229904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5" name="OTLSHAPE_SLM_6dee0f2e2e6a4987b7874cf105fe86a0_Shape">
            <a:extLst>
              <a:ext uri="{FF2B5EF4-FFF2-40B4-BE49-F238E27FC236}">
                <a16:creationId xmlns:a16="http://schemas.microsoft.com/office/drawing/2014/main" id="{6F962D63-8B27-BE75-9294-A14B89011C8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flipV="1">
            <a:off x="10102432" y="4650571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M_d698fcb748174119a44ff1c2a6262c55_Shape">
            <a:extLst>
              <a:ext uri="{FF2B5EF4-FFF2-40B4-BE49-F238E27FC236}">
                <a16:creationId xmlns:a16="http://schemas.microsoft.com/office/drawing/2014/main" id="{7769FA63-8578-DC17-ED1F-E74C238293F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10362038" y="2512949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M_66c05a7ecd0242e38b4b319683aa7618_Shape">
            <a:extLst>
              <a:ext uri="{FF2B5EF4-FFF2-40B4-BE49-F238E27FC236}">
                <a16:creationId xmlns:a16="http://schemas.microsoft.com/office/drawing/2014/main" id="{204F953E-3203-CBC1-CEE9-2C9133A4A05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flipV="1">
            <a:off x="10420079" y="5043297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B_00000000000000000000000000000000_ElapsedTime" hidden="1">
            <a:extLst>
              <a:ext uri="{FF2B5EF4-FFF2-40B4-BE49-F238E27FC236}">
                <a16:creationId xmlns:a16="http://schemas.microsoft.com/office/drawing/2014/main" id="{69B268BD-BFE5-2BC4-EB4D-4048056C82C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746165" y="10287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0d79abd205bd4135b44f6cdde4489e44_Header">
            <a:extLst>
              <a:ext uri="{FF2B5EF4-FFF2-40B4-BE49-F238E27FC236}">
                <a16:creationId xmlns:a16="http://schemas.microsoft.com/office/drawing/2014/main" id="{ECA7E21B-6681-D26D-09EA-5D71E3979F4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079435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ersonal life</a:t>
            </a:r>
          </a:p>
        </p:txBody>
      </p:sp>
      <p:sp>
        <p:nvSpPr>
          <p:cNvPr id="9" name="OTLSHAPE_SL_89730f7f39ba45f78547ff3cf954da1d_Header">
            <a:extLst>
              <a:ext uri="{FF2B5EF4-FFF2-40B4-BE49-F238E27FC236}">
                <a16:creationId xmlns:a16="http://schemas.microsoft.com/office/drawing/2014/main" id="{9183BD4B-535C-3292-26AC-EAE1740762C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110780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ducation</a:t>
            </a:r>
          </a:p>
        </p:txBody>
      </p:sp>
      <p:sp>
        <p:nvSpPr>
          <p:cNvPr id="12" name="OTLSHAPE_SL_82a4d17ec1e84afbb1f0d2fbf451b437_Header">
            <a:extLst>
              <a:ext uri="{FF2B5EF4-FFF2-40B4-BE49-F238E27FC236}">
                <a16:creationId xmlns:a16="http://schemas.microsoft.com/office/drawing/2014/main" id="{BCA3B6A4-C563-F37D-A1D0-F8225A0A100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262924"/>
            <a:ext cx="15621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areer and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ealth</a:t>
            </a:r>
            <a:endParaRPr kumimoji="0" lang="en-US" sz="1400" b="1" i="0" u="none" strike="noStrike" kern="1200" cap="none" normalizeH="0" baseline="0" noProof="0" dirty="0">
              <a:ln>
                <a:noFill/>
              </a:ln>
              <a:solidFill>
                <a:srgbClr val="13192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5" name="OTLSHAPE_SL_8d7024ab0d994f1492ff0a766814e012_Header">
            <a:extLst>
              <a:ext uri="{FF2B5EF4-FFF2-40B4-BE49-F238E27FC236}">
                <a16:creationId xmlns:a16="http://schemas.microsoft.com/office/drawing/2014/main" id="{C0491C68-B095-9C03-5BFD-408D9F86271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5829872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harity</a:t>
            </a:r>
          </a:p>
        </p:txBody>
      </p:sp>
      <p:sp>
        <p:nvSpPr>
          <p:cNvPr id="257" name="OTLSHAPE_SL2A_df6ca92c9ba441cbbd851839e683fcd3_Header" hidden="1">
            <a:extLst>
              <a:ext uri="{FF2B5EF4-FFF2-40B4-BE49-F238E27FC236}">
                <a16:creationId xmlns:a16="http://schemas.microsoft.com/office/drawing/2014/main" id="{ABEFFB26-ABC9-49D3-1E0B-B893D4685ED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SL2A_b0a3cc6203f34d4eb8a25252464efd36_Header" hidden="1">
            <a:extLst>
              <a:ext uri="{FF2B5EF4-FFF2-40B4-BE49-F238E27FC236}">
                <a16:creationId xmlns:a16="http://schemas.microsoft.com/office/drawing/2014/main" id="{BBC3F8F9-9F0E-B865-2EDA-FBBE9E97273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SL2A_42b60eb31f42427aba7603c0a18b6c6f_Header" hidden="1">
            <a:extLst>
              <a:ext uri="{FF2B5EF4-FFF2-40B4-BE49-F238E27FC236}">
                <a16:creationId xmlns:a16="http://schemas.microsoft.com/office/drawing/2014/main" id="{23F8B056-A8EB-0808-5A26-815BF6AADD7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SL2A_1bdd57c746b6402c905a8c98540a40e7_Header" hidden="1">
            <a:extLst>
              <a:ext uri="{FF2B5EF4-FFF2-40B4-BE49-F238E27FC236}">
                <a16:creationId xmlns:a16="http://schemas.microsoft.com/office/drawing/2014/main" id="{8C3C8F27-4DF3-33EF-5677-CD6A2682482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B_00000000000000000000000000000000_TodayMarkerShape" hidden="1">
            <a:extLst>
              <a:ext uri="{FF2B5EF4-FFF2-40B4-BE49-F238E27FC236}">
                <a16:creationId xmlns:a16="http://schemas.microsoft.com/office/drawing/2014/main" id="{C61AE21D-FE6C-172E-79CD-A2A830A3853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500458" y="1409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88" name="OTLSHAPE_TB_00000000000000000000000000000000_TimescaleInterval1">
            <a:extLst>
              <a:ext uri="{FF2B5EF4-FFF2-40B4-BE49-F238E27FC236}">
                <a16:creationId xmlns:a16="http://schemas.microsoft.com/office/drawing/2014/main" id="{28CE50C8-7015-5543-B934-9C51B8D59CB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809665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63</a:t>
            </a:r>
          </a:p>
        </p:txBody>
      </p:sp>
      <p:sp>
        <p:nvSpPr>
          <p:cNvPr id="3990" name="OTLSHAPE_TB_00000000000000000000000000000000_TimescaleInterval2">
            <a:extLst>
              <a:ext uri="{FF2B5EF4-FFF2-40B4-BE49-F238E27FC236}">
                <a16:creationId xmlns:a16="http://schemas.microsoft.com/office/drawing/2014/main" id="{47709C13-FF71-69C4-8502-7F9186DCDB8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674615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69</a:t>
            </a:r>
          </a:p>
        </p:txBody>
      </p:sp>
      <p:sp>
        <p:nvSpPr>
          <p:cNvPr id="3992" name="OTLSHAPE_TB_00000000000000000000000000000000_TimescaleInterval3">
            <a:extLst>
              <a:ext uri="{FF2B5EF4-FFF2-40B4-BE49-F238E27FC236}">
                <a16:creationId xmlns:a16="http://schemas.microsoft.com/office/drawing/2014/main" id="{7F367A36-2620-0ACD-3A09-D10F1D7EC79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539169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75</a:t>
            </a:r>
          </a:p>
        </p:txBody>
      </p:sp>
      <p:sp>
        <p:nvSpPr>
          <p:cNvPr id="3994" name="OTLSHAPE_TB_00000000000000000000000000000000_TimescaleInterval4">
            <a:extLst>
              <a:ext uri="{FF2B5EF4-FFF2-40B4-BE49-F238E27FC236}">
                <a16:creationId xmlns:a16="http://schemas.microsoft.com/office/drawing/2014/main" id="{315AA0BF-8A78-9909-CBB9-96B3BABE35C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404119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81</a:t>
            </a:r>
          </a:p>
        </p:txBody>
      </p:sp>
      <p:sp>
        <p:nvSpPr>
          <p:cNvPr id="3996" name="OTLSHAPE_TB_00000000000000000000000000000000_TimescaleInterval5">
            <a:extLst>
              <a:ext uri="{FF2B5EF4-FFF2-40B4-BE49-F238E27FC236}">
                <a16:creationId xmlns:a16="http://schemas.microsoft.com/office/drawing/2014/main" id="{2E28E684-D601-DEE5-24C9-C8032127734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268673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87</a:t>
            </a:r>
          </a:p>
        </p:txBody>
      </p:sp>
      <p:sp>
        <p:nvSpPr>
          <p:cNvPr id="3998" name="OTLSHAPE_TB_00000000000000000000000000000000_TimescaleInterval6">
            <a:extLst>
              <a:ext uri="{FF2B5EF4-FFF2-40B4-BE49-F238E27FC236}">
                <a16:creationId xmlns:a16="http://schemas.microsoft.com/office/drawing/2014/main" id="{BFA8D1CA-0D24-16AF-3867-165F2699E61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133623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3</a:t>
            </a:r>
          </a:p>
        </p:txBody>
      </p:sp>
      <p:sp>
        <p:nvSpPr>
          <p:cNvPr id="4000" name="OTLSHAPE_TB_00000000000000000000000000000000_TimescaleInterval7">
            <a:extLst>
              <a:ext uri="{FF2B5EF4-FFF2-40B4-BE49-F238E27FC236}">
                <a16:creationId xmlns:a16="http://schemas.microsoft.com/office/drawing/2014/main" id="{254C8AD4-5984-02F8-9701-7012CED3E1F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998177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9</a:t>
            </a:r>
          </a:p>
        </p:txBody>
      </p:sp>
      <p:sp>
        <p:nvSpPr>
          <p:cNvPr id="4002" name="OTLSHAPE_TB_00000000000000000000000000000000_TimescaleInterval8">
            <a:extLst>
              <a:ext uri="{FF2B5EF4-FFF2-40B4-BE49-F238E27FC236}">
                <a16:creationId xmlns:a16="http://schemas.microsoft.com/office/drawing/2014/main" id="{A6004D66-8A04-F6D9-B5D6-86C07FC0610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863127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5</a:t>
            </a:r>
          </a:p>
        </p:txBody>
      </p:sp>
      <p:sp>
        <p:nvSpPr>
          <p:cNvPr id="24" name="OTLSHAPE_SLM_6c6b095a686c491190e0c4de5f26901c_Title">
            <a:extLst>
              <a:ext uri="{FF2B5EF4-FFF2-40B4-BE49-F238E27FC236}">
                <a16:creationId xmlns:a16="http://schemas.microsoft.com/office/drawing/2014/main" id="{F5B11B03-CABD-62AD-3D0D-F90D007F3EE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422108" y="1798616"/>
            <a:ext cx="152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arries novelist MacKenzie Tuttle</a:t>
            </a:r>
          </a:p>
        </p:txBody>
      </p:sp>
      <p:sp>
        <p:nvSpPr>
          <p:cNvPr id="25" name="OTLSHAPE_SLM_6c6b095a686c491190e0c4de5f26901c_Date">
            <a:extLst>
              <a:ext uri="{FF2B5EF4-FFF2-40B4-BE49-F238E27FC236}">
                <a16:creationId xmlns:a16="http://schemas.microsoft.com/office/drawing/2014/main" id="{C01E0E1B-D7CC-F701-D186-B5C359762E2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930022" y="165100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3</a:t>
            </a:r>
          </a:p>
        </p:txBody>
      </p:sp>
      <p:sp>
        <p:nvSpPr>
          <p:cNvPr id="30" name="OTLSHAPE_SLM_79af8ac6c9474c3187f246703d5789d9_Title">
            <a:extLst>
              <a:ext uri="{FF2B5EF4-FFF2-40B4-BE49-F238E27FC236}">
                <a16:creationId xmlns:a16="http://schemas.microsoft.com/office/drawing/2014/main" id="{968CF578-8C0B-3593-DE76-92083139173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92487" y="2975525"/>
            <a:ext cx="23241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lectrical engineering &amp; computer science degrees from Princeton (Summa Cum Laude)</a:t>
            </a:r>
          </a:p>
        </p:txBody>
      </p:sp>
      <p:sp>
        <p:nvSpPr>
          <p:cNvPr id="31" name="OTLSHAPE_SLM_79af8ac6c9474c3187f246703d5789d9_Date">
            <a:extLst>
              <a:ext uri="{FF2B5EF4-FFF2-40B4-BE49-F238E27FC236}">
                <a16:creationId xmlns:a16="http://schemas.microsoft.com/office/drawing/2014/main" id="{BC4404EA-23AD-4132-0FDF-04482205FFE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921046" y="285203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6</a:t>
            </a:r>
          </a:p>
        </p:txBody>
      </p:sp>
      <p:sp>
        <p:nvSpPr>
          <p:cNvPr id="4086" name="OTLSHAPE_SLM_41339b17e57e42c2853212570879e5d6_Title">
            <a:extLst>
              <a:ext uri="{FF2B5EF4-FFF2-40B4-BE49-F238E27FC236}">
                <a16:creationId xmlns:a16="http://schemas.microsoft.com/office/drawing/2014/main" id="{C7DF54D6-BE09-8AB4-4F65-69E77FD545C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379558" y="3426672"/>
            <a:ext cx="1993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raduates from high school as valedictorian</a:t>
            </a:r>
          </a:p>
        </p:txBody>
      </p:sp>
      <p:sp>
        <p:nvSpPr>
          <p:cNvPr id="4087" name="OTLSHAPE_SLM_41339b17e57e42c2853212570879e5d6_Date">
            <a:extLst>
              <a:ext uri="{FF2B5EF4-FFF2-40B4-BE49-F238E27FC236}">
                <a16:creationId xmlns:a16="http://schemas.microsoft.com/office/drawing/2014/main" id="{8E9D79C1-142B-F8F4-E66F-B9068895B35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344545" y="327270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2</a:t>
            </a:r>
          </a:p>
        </p:txBody>
      </p:sp>
      <p:sp>
        <p:nvSpPr>
          <p:cNvPr id="4089" name="OTLSHAPE_SLM_627dd14d5955498ea99c7766a79d5777_Title">
            <a:extLst>
              <a:ext uri="{FF2B5EF4-FFF2-40B4-BE49-F238E27FC236}">
                <a16:creationId xmlns:a16="http://schemas.microsoft.com/office/drawing/2014/main" id="{2D874233-720D-53FC-1518-ADF4A89437C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057480" y="3033945"/>
            <a:ext cx="1739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nrolls at Miami Palmetto High School</a:t>
            </a:r>
          </a:p>
        </p:txBody>
      </p:sp>
      <p:sp>
        <p:nvSpPr>
          <p:cNvPr id="4090" name="OTLSHAPE_SLM_627dd14d5955498ea99c7766a79d5777_Date">
            <a:extLst>
              <a:ext uri="{FF2B5EF4-FFF2-40B4-BE49-F238E27FC236}">
                <a16:creationId xmlns:a16="http://schemas.microsoft.com/office/drawing/2014/main" id="{420C3740-6B51-6898-18FE-123986DEDE5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768043" y="287997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78</a:t>
            </a:r>
          </a:p>
        </p:txBody>
      </p:sp>
      <p:sp>
        <p:nvSpPr>
          <p:cNvPr id="4092" name="OTLSHAPE_SLM_1cbcd6d64b32418abeba475dfbc735ff_Title">
            <a:extLst>
              <a:ext uri="{FF2B5EF4-FFF2-40B4-BE49-F238E27FC236}">
                <a16:creationId xmlns:a16="http://schemas.microsoft.com/office/drawing/2014/main" id="{5E72BF0D-2014-4853-2B46-9408C4B199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363047" y="3033945"/>
            <a:ext cx="2133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Honorary doctorate from Carnegie Mellon Univ.</a:t>
            </a:r>
          </a:p>
        </p:txBody>
      </p:sp>
      <p:sp>
        <p:nvSpPr>
          <p:cNvPr id="4093" name="OTLSHAPE_SLM_1cbcd6d64b32418abeba475dfbc735ff_Date">
            <a:extLst>
              <a:ext uri="{FF2B5EF4-FFF2-40B4-BE49-F238E27FC236}">
                <a16:creationId xmlns:a16="http://schemas.microsoft.com/office/drawing/2014/main" id="{360350AB-BA92-B01F-2086-9595365F49F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91606" y="287997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4095" name="OTLSHAPE_SLM_42e9c46fda734a40850f814cc68e04d0_Title">
            <a:extLst>
              <a:ext uri="{FF2B5EF4-FFF2-40B4-BE49-F238E27FC236}">
                <a16:creationId xmlns:a16="http://schemas.microsoft.com/office/drawing/2014/main" id="{EF4069ED-D6DD-47CE-D185-E3C186CB9A8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378716" y="3867658"/>
            <a:ext cx="1790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Founds Amazon as an online bookstore</a:t>
            </a:r>
          </a:p>
        </p:txBody>
      </p:sp>
      <p:sp>
        <p:nvSpPr>
          <p:cNvPr id="96" name="OTLSHAPE_SLM_42e9c46fda734a40850f814cc68e04d0_Date">
            <a:extLst>
              <a:ext uri="{FF2B5EF4-FFF2-40B4-BE49-F238E27FC236}">
                <a16:creationId xmlns:a16="http://schemas.microsoft.com/office/drawing/2014/main" id="{6BC697B0-3187-FE3D-5D99-26E992EFB1A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46259" y="3713692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98" name="OTLSHAPE_SLM_8d3a5b2e890544579ee7df0573826d2b_Title">
            <a:extLst>
              <a:ext uri="{FF2B5EF4-FFF2-40B4-BE49-F238E27FC236}">
                <a16:creationId xmlns:a16="http://schemas.microsoft.com/office/drawing/2014/main" id="{77D86509-4ADA-0CF0-DC6B-9409F1A1EC7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83779" y="4260385"/>
            <a:ext cx="194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Hired as product manager at Bankers Trust</a:t>
            </a:r>
          </a:p>
        </p:txBody>
      </p:sp>
      <p:sp>
        <p:nvSpPr>
          <p:cNvPr id="99" name="OTLSHAPE_SLM_8d3a5b2e890544579ee7df0573826d2b_Date">
            <a:extLst>
              <a:ext uri="{FF2B5EF4-FFF2-40B4-BE49-F238E27FC236}">
                <a16:creationId xmlns:a16="http://schemas.microsoft.com/office/drawing/2014/main" id="{411E777F-D316-35FA-3E26-7D1066EEE28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209099" y="410641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8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01" name="OTLSHAPE_SLM_610c06375c164e8c9d57359713e9d06a_Title">
            <a:extLst>
              <a:ext uri="{FF2B5EF4-FFF2-40B4-BE49-F238E27FC236}">
                <a16:creationId xmlns:a16="http://schemas.microsoft.com/office/drawing/2014/main" id="{F31FB937-E663-4163-4DC1-8C55CD66554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083970" y="3867658"/>
            <a:ext cx="148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urchases The Washington Post</a:t>
            </a:r>
          </a:p>
        </p:txBody>
      </p:sp>
      <p:sp>
        <p:nvSpPr>
          <p:cNvPr id="102" name="OTLSHAPE_SLM_610c06375c164e8c9d57359713e9d06a_Date">
            <a:extLst>
              <a:ext uri="{FF2B5EF4-FFF2-40B4-BE49-F238E27FC236}">
                <a16:creationId xmlns:a16="http://schemas.microsoft.com/office/drawing/2014/main" id="{687E23E2-29D5-34FF-32BB-E2E9451B280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812529" y="3713692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104" name="OTLSHAPE_SLM_2644f6b3ddea4ac1ad594968681a1838_Title">
            <a:extLst>
              <a:ext uri="{FF2B5EF4-FFF2-40B4-BE49-F238E27FC236}">
                <a16:creationId xmlns:a16="http://schemas.microsoft.com/office/drawing/2014/main" id="{23474FE2-3303-53F0-74F7-FAD48B3954F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210044" y="3867658"/>
            <a:ext cx="876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Founds Blue Origin</a:t>
            </a:r>
            <a:endParaRPr kumimoji="0" lang="en-US" sz="800" b="0" i="0" u="none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5" name="OTLSHAPE_SLM_2644f6b3ddea4ac1ad594968681a1838_Date">
            <a:extLst>
              <a:ext uri="{FF2B5EF4-FFF2-40B4-BE49-F238E27FC236}">
                <a16:creationId xmlns:a16="http://schemas.microsoft.com/office/drawing/2014/main" id="{68036EC0-7EB0-347C-58F4-BFE7A9FBA02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938604" y="3713692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0</a:t>
            </a:r>
          </a:p>
        </p:txBody>
      </p:sp>
      <p:sp>
        <p:nvSpPr>
          <p:cNvPr id="109" name="OTLSHAPE_SLM_15bc96ebda78484f9c37f3826174da4b_Title">
            <a:extLst>
              <a:ext uri="{FF2B5EF4-FFF2-40B4-BE49-F238E27FC236}">
                <a16:creationId xmlns:a16="http://schemas.microsoft.com/office/drawing/2014/main" id="{F4B7EC9A-DF81-B4CB-AFEE-1FEFF164BC5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90824" y="4201964"/>
            <a:ext cx="8001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ecomes world's wealthiest person</a:t>
            </a:r>
          </a:p>
        </p:txBody>
      </p:sp>
      <p:sp>
        <p:nvSpPr>
          <p:cNvPr id="110" name="OTLSHAPE_SLM_15bc96ebda78484f9c37f3826174da4b_Date">
            <a:extLst>
              <a:ext uri="{FF2B5EF4-FFF2-40B4-BE49-F238E27FC236}">
                <a16:creationId xmlns:a16="http://schemas.microsoft.com/office/drawing/2014/main" id="{8E990899-AB71-2467-1174-EDD4713F34D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466370" y="407847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112" name="OTLSHAPE_SLM_d5db097ac2ba4319ae894be41a24788d_Title">
            <a:extLst>
              <a:ext uri="{FF2B5EF4-FFF2-40B4-BE49-F238E27FC236}">
                <a16:creationId xmlns:a16="http://schemas.microsoft.com/office/drawing/2014/main" id="{590E74E6-E2D5-8A74-DF42-EE2320F2E52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777965" y="4260385"/>
            <a:ext cx="965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akes Amazon public</a:t>
            </a:r>
          </a:p>
        </p:txBody>
      </p:sp>
      <p:sp>
        <p:nvSpPr>
          <p:cNvPr id="113" name="OTLSHAPE_SLM_d5db097ac2ba4319ae894be41a24788d_Date">
            <a:extLst>
              <a:ext uri="{FF2B5EF4-FFF2-40B4-BE49-F238E27FC236}">
                <a16:creationId xmlns:a16="http://schemas.microsoft.com/office/drawing/2014/main" id="{EFC040F6-31F7-58CE-44DD-C8E5C2904C4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506523" y="410641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7</a:t>
            </a:r>
          </a:p>
        </p:txBody>
      </p:sp>
      <p:sp>
        <p:nvSpPr>
          <p:cNvPr id="115" name="OTLSHAPE_SLM_b3c1c87bf1be4ce08fc2f404bd0fa129_Title">
            <a:extLst>
              <a:ext uri="{FF2B5EF4-FFF2-40B4-BE49-F238E27FC236}">
                <a16:creationId xmlns:a16="http://schemas.microsoft.com/office/drawing/2014/main" id="{0F21E3FE-49D4-7A5C-B24F-2071ADAD4D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78628" y="4681051"/>
            <a:ext cx="1600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iversifies Amazon's product range</a:t>
            </a:r>
          </a:p>
        </p:txBody>
      </p:sp>
      <p:sp>
        <p:nvSpPr>
          <p:cNvPr id="116" name="OTLSHAPE_SLM_b3c1c87bf1be4ce08fc2f404bd0fa129_Date">
            <a:extLst>
              <a:ext uri="{FF2B5EF4-FFF2-40B4-BE49-F238E27FC236}">
                <a16:creationId xmlns:a16="http://schemas.microsoft.com/office/drawing/2014/main" id="{A669BA1C-13D7-F370-F034-E383D32CFDE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650550" y="452708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8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18" name="OTLSHAPE_SLM_916ce539e9284b0488049ab6c13a4f83_Title">
            <a:extLst>
              <a:ext uri="{FF2B5EF4-FFF2-40B4-BE49-F238E27FC236}">
                <a16:creationId xmlns:a16="http://schemas.microsoft.com/office/drawing/2014/main" id="{6AB9469C-DDEB-6A30-6EFA-3D9BC332376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691116" y="2537079"/>
            <a:ext cx="1117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ime Person of the Year </a:t>
            </a:r>
          </a:p>
        </p:txBody>
      </p:sp>
      <p:sp>
        <p:nvSpPr>
          <p:cNvPr id="119" name="OTLSHAPE_SLM_916ce539e9284b0488049ab6c13a4f83_Date">
            <a:extLst>
              <a:ext uri="{FF2B5EF4-FFF2-40B4-BE49-F238E27FC236}">
                <a16:creationId xmlns:a16="http://schemas.microsoft.com/office/drawing/2014/main" id="{DD16B996-0AA6-5311-C53E-9FEFAD1DB94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794577" y="238946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9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24" name="OTLSHAPE_SLM_6a4dfc9b1e004d9f894c7e2309043d13_Title">
            <a:extLst>
              <a:ext uri="{FF2B5EF4-FFF2-40B4-BE49-F238E27FC236}">
                <a16:creationId xmlns:a16="http://schemas.microsoft.com/office/drawing/2014/main" id="{B83B9AC1-B31A-F8BC-5CF4-C7E3D0BB97C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661019" y="4681051"/>
            <a:ext cx="1181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ecures contract with CIA</a:t>
            </a:r>
          </a:p>
        </p:txBody>
      </p:sp>
      <p:sp>
        <p:nvSpPr>
          <p:cNvPr id="125" name="OTLSHAPE_SLM_6a4dfc9b1e004d9f894c7e2309043d13_Date">
            <a:extLst>
              <a:ext uri="{FF2B5EF4-FFF2-40B4-BE49-F238E27FC236}">
                <a16:creationId xmlns:a16="http://schemas.microsoft.com/office/drawing/2014/main" id="{18C532A5-8F09-08DB-2273-07C0AD7C79B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8812529" y="452708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23" name="OTLSHAPE_SLM_7bccf882f12941c2817a10184164e27b_Title">
            <a:extLst>
              <a:ext uri="{FF2B5EF4-FFF2-40B4-BE49-F238E27FC236}">
                <a16:creationId xmlns:a16="http://schemas.microsoft.com/office/drawing/2014/main" id="{703423CF-7182-57FE-88D4-79A9A488753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16693" y="2150703"/>
            <a:ext cx="762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oves to Seattle</a:t>
            </a:r>
          </a:p>
        </p:txBody>
      </p:sp>
      <p:sp>
        <p:nvSpPr>
          <p:cNvPr id="26" name="OTLSHAPE_SLM_7bccf882f12941c2817a10184164e27b_Date">
            <a:extLst>
              <a:ext uri="{FF2B5EF4-FFF2-40B4-BE49-F238E27FC236}">
                <a16:creationId xmlns:a16="http://schemas.microsoft.com/office/drawing/2014/main" id="{D5A4CAE5-B288-824A-E474-BF6355B7850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162437" y="200308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28" name="OTLSHAPE_SLM_77ab58fe64e34e36a6e1102d9b00642f_Title">
            <a:extLst>
              <a:ext uri="{FF2B5EF4-FFF2-40B4-BE49-F238E27FC236}">
                <a16:creationId xmlns:a16="http://schemas.microsoft.com/office/drawing/2014/main" id="{3F63A8AD-0FB1-B40F-3828-9C9F1BDE54A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670571" y="1798616"/>
            <a:ext cx="1485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  Helicopter crash in West Texas</a:t>
            </a:r>
          </a:p>
        </p:txBody>
      </p:sp>
      <p:sp>
        <p:nvSpPr>
          <p:cNvPr id="29" name="OTLSHAPE_SLM_77ab58fe64e34e36a6e1102d9b00642f_Date">
            <a:extLst>
              <a:ext uri="{FF2B5EF4-FFF2-40B4-BE49-F238E27FC236}">
                <a16:creationId xmlns:a16="http://schemas.microsoft.com/office/drawing/2014/main" id="{6B3824C9-694B-1E2C-5193-12960D64F59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392781" y="165100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3</a:t>
            </a:r>
          </a:p>
        </p:txBody>
      </p:sp>
      <p:sp>
        <p:nvSpPr>
          <p:cNvPr id="4085" name="OTLSHAPE_SLM_f26e7b29a33c42dc9e320cd393e5a0ae_Title">
            <a:extLst>
              <a:ext uri="{FF2B5EF4-FFF2-40B4-BE49-F238E27FC236}">
                <a16:creationId xmlns:a16="http://schemas.microsoft.com/office/drawing/2014/main" id="{CE6253E6-8AF2-8B74-7AF5-3E6387A9FA1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778421" y="2150703"/>
            <a:ext cx="1562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tars in Star Trek Beyond              </a:t>
            </a:r>
          </a:p>
        </p:txBody>
      </p:sp>
      <p:sp>
        <p:nvSpPr>
          <p:cNvPr id="4088" name="OTLSHAPE_SLM_f26e7b29a33c42dc9e320cd393e5a0ae_Date">
            <a:extLst>
              <a:ext uri="{FF2B5EF4-FFF2-40B4-BE49-F238E27FC236}">
                <a16:creationId xmlns:a16="http://schemas.microsoft.com/office/drawing/2014/main" id="{62FE6A40-DE1E-1679-4CD3-BCEC82C408D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320371" y="200308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4094" name="OTLSHAPE_SLM_58dad2093d044c578b04aaa3eaded399_Title">
            <a:extLst>
              <a:ext uri="{FF2B5EF4-FFF2-40B4-BE49-F238E27FC236}">
                <a16:creationId xmlns:a16="http://schemas.microsoft.com/office/drawing/2014/main" id="{AF1C77D4-1E61-122E-EFE9-54790767A2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987625" y="2150703"/>
            <a:ext cx="990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 Divorces MacKenzie</a:t>
            </a:r>
          </a:p>
        </p:txBody>
      </p:sp>
      <p:sp>
        <p:nvSpPr>
          <p:cNvPr id="97" name="OTLSHAPE_SLM_58dad2093d044c578b04aaa3eaded399_Date">
            <a:extLst>
              <a:ext uri="{FF2B5EF4-FFF2-40B4-BE49-F238E27FC236}">
                <a16:creationId xmlns:a16="http://schemas.microsoft.com/office/drawing/2014/main" id="{12D7F2EF-6F9D-0C37-DC4C-BC8FABB9CDC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709834" y="200308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03" name="OTLSHAPE_SLM_167e2f5fc03c46f6a61e9e49a272d0b3_Title">
            <a:extLst>
              <a:ext uri="{FF2B5EF4-FFF2-40B4-BE49-F238E27FC236}">
                <a16:creationId xmlns:a16="http://schemas.microsoft.com/office/drawing/2014/main" id="{A4269D18-EFB2-4B7E-2B18-D91261CE177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986047" y="1798616"/>
            <a:ext cx="1155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audi hacking accusation</a:t>
            </a:r>
          </a:p>
        </p:txBody>
      </p:sp>
      <p:sp>
        <p:nvSpPr>
          <p:cNvPr id="106" name="OTLSHAPE_SLM_167e2f5fc03c46f6a61e9e49a272d0b3_Date">
            <a:extLst>
              <a:ext uri="{FF2B5EF4-FFF2-40B4-BE49-F238E27FC236}">
                <a16:creationId xmlns:a16="http://schemas.microsoft.com/office/drawing/2014/main" id="{2F45AAAC-ED1A-296E-3A0E-4AB37EDD408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708255" y="165100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14" name="OTLSHAPE_SLM_931b77490a854480ba9afe6cd8f9ba8a_Title">
            <a:extLst>
              <a:ext uri="{FF2B5EF4-FFF2-40B4-BE49-F238E27FC236}">
                <a16:creationId xmlns:a16="http://schemas.microsoft.com/office/drawing/2014/main" id="{BE8E33B8-ED3A-5F99-C4D4-9206D1C823C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816755" y="5542703"/>
            <a:ext cx="1016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500,000 Worldreader</a:t>
            </a:r>
          </a:p>
        </p:txBody>
      </p:sp>
      <p:sp>
        <p:nvSpPr>
          <p:cNvPr id="117" name="OTLSHAPE_SLM_931b77490a854480ba9afe6cd8f9ba8a_Date">
            <a:extLst>
              <a:ext uri="{FF2B5EF4-FFF2-40B4-BE49-F238E27FC236}">
                <a16:creationId xmlns:a16="http://schemas.microsoft.com/office/drawing/2014/main" id="{06653905-7435-A305-A9FB-8D0BB045136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808582" y="5388737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123" name="OTLSHAPE_SLM_7957f1dc9824497bb0fedb139ff2707f_Title">
            <a:extLst>
              <a:ext uri="{FF2B5EF4-FFF2-40B4-BE49-F238E27FC236}">
                <a16:creationId xmlns:a16="http://schemas.microsoft.com/office/drawing/2014/main" id="{729F20E3-B651-1769-AAB4-0C6CC023D58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127301" y="5935430"/>
            <a:ext cx="2349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m Reporters Committee for Freedom of the Press</a:t>
            </a:r>
          </a:p>
        </p:txBody>
      </p:sp>
      <p:sp>
        <p:nvSpPr>
          <p:cNvPr id="3968" name="OTLSHAPE_SLM_7957f1dc9824497bb0fedb139ff2707f_Date">
            <a:extLst>
              <a:ext uri="{FF2B5EF4-FFF2-40B4-BE49-F238E27FC236}">
                <a16:creationId xmlns:a16="http://schemas.microsoft.com/office/drawing/2014/main" id="{B21C38D3-CBCA-36C4-4E71-3BE53EE0A2B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453349" y="578146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3970" name="OTLSHAPE_SLM_f362515aa2a6484692614906fa44215f_Title">
            <a:extLst>
              <a:ext uri="{FF2B5EF4-FFF2-40B4-BE49-F238E27FC236}">
                <a16:creationId xmlns:a16="http://schemas.microsoft.com/office/drawing/2014/main" id="{FBA67007-968E-FC22-17BD-C96BA821DA9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908276" y="5484283"/>
            <a:ext cx="12700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2bn Day 1 Families &amp; Day 1 Academies</a:t>
            </a:r>
          </a:p>
        </p:txBody>
      </p:sp>
      <p:sp>
        <p:nvSpPr>
          <p:cNvPr id="3971" name="OTLSHAPE_SLM_f362515aa2a6484692614906fa44215f_Date">
            <a:extLst>
              <a:ext uri="{FF2B5EF4-FFF2-40B4-BE49-F238E27FC236}">
                <a16:creationId xmlns:a16="http://schemas.microsoft.com/office/drawing/2014/main" id="{93871A08-A416-AA30-2237-1EA66986E65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636834" y="5360797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973" name="OTLSHAPE_SLM_218267206c774e66a15e269cc521172a_Title">
            <a:extLst>
              <a:ext uri="{FF2B5EF4-FFF2-40B4-BE49-F238E27FC236}">
                <a16:creationId xmlns:a16="http://schemas.microsoft.com/office/drawing/2014/main" id="{E90519D6-E759-3332-94AD-DC55DC10A4E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451623" y="6328156"/>
            <a:ext cx="1104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33 m TheDream.US     </a:t>
            </a:r>
          </a:p>
        </p:txBody>
      </p:sp>
      <p:sp>
        <p:nvSpPr>
          <p:cNvPr id="3974" name="OTLSHAPE_SLM_218267206c774e66a15e269cc521172a_Date">
            <a:extLst>
              <a:ext uri="{FF2B5EF4-FFF2-40B4-BE49-F238E27FC236}">
                <a16:creationId xmlns:a16="http://schemas.microsoft.com/office/drawing/2014/main" id="{99406EA7-0243-BCFD-479E-AE2DC19980B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33451" y="617419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976" name="OTLSHAPE_SLM_f9b2556f0b10415d9dba199203b10564_Title">
            <a:extLst>
              <a:ext uri="{FF2B5EF4-FFF2-40B4-BE49-F238E27FC236}">
                <a16:creationId xmlns:a16="http://schemas.microsoft.com/office/drawing/2014/main" id="{18B2D955-F4A1-3FAB-45A9-9EFBE35E1AF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107151" y="5935430"/>
            <a:ext cx="762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0bn Bezos EF</a:t>
            </a:r>
            <a:endParaRPr kumimoji="0" lang="en-US" sz="800" b="0" i="0" u="none" strike="noStrike" kern="1200" cap="none" spc="-6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3977" name="OTLSHAPE_SLM_f9b2556f0b10415d9dba199203b10564_Date">
            <a:extLst>
              <a:ext uri="{FF2B5EF4-FFF2-40B4-BE49-F238E27FC236}">
                <a16:creationId xmlns:a16="http://schemas.microsoft.com/office/drawing/2014/main" id="{29A2AFDB-1304-D99E-50CA-8F670919C5D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835710" y="578146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27" name="OTLSHAPE_SLM_0482a45758ee4b53bbc81bc556d0e35a_Title">
            <a:extLst>
              <a:ext uri="{FF2B5EF4-FFF2-40B4-BE49-F238E27FC236}">
                <a16:creationId xmlns:a16="http://schemas.microsoft.com/office/drawing/2014/main" id="{FF103181-19B6-1E16-3DA9-60205799F29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789316" y="2537079"/>
            <a:ext cx="198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st public appearance with Lauren </a:t>
            </a:r>
            <a:r>
              <a:rPr lang="en-GB" sz="800" spc="-4" dirty="0">
                <a:solidFill>
                  <a:schemeClr val="lt2"/>
                </a:solidFill>
                <a:latin typeface="Arial" panose="020B0604020202020204" pitchFamily="34" charset="0"/>
              </a:rPr>
              <a:t>Sánchez</a:t>
            </a:r>
            <a:endParaRPr kumimoji="0" lang="en-US" sz="800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4066" name="OTLSHAPE_SLM_0482a45758ee4b53bbc81bc556d0e35a_Date">
            <a:extLst>
              <a:ext uri="{FF2B5EF4-FFF2-40B4-BE49-F238E27FC236}">
                <a16:creationId xmlns:a16="http://schemas.microsoft.com/office/drawing/2014/main" id="{56E1B4D3-ED53-1FC3-3D9C-0D9E6BB784A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749688" y="238946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4071" name="OTLSHAPE_TB_00000000000000000000000000000000_TimescaleInterval9">
            <a:extLst>
              <a:ext uri="{FF2B5EF4-FFF2-40B4-BE49-F238E27FC236}">
                <a16:creationId xmlns:a16="http://schemas.microsoft.com/office/drawing/2014/main" id="{8996FD50-3926-3CB9-7341-60E6544DB6A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727681" y="1102360"/>
            <a:ext cx="42646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4073" name="OTLSHAPE_TB_00000000000000000000000000000000_TimescaleInterval10">
            <a:extLst>
              <a:ext uri="{FF2B5EF4-FFF2-40B4-BE49-F238E27FC236}">
                <a16:creationId xmlns:a16="http://schemas.microsoft.com/office/drawing/2014/main" id="{BB2FAA07-E65F-DBF5-10AF-5CD7E4173FF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592631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4075" name="OTLSHAPE_TB_00000000000000000000000000000000_TimescaleInterval11">
            <a:extLst>
              <a:ext uri="{FF2B5EF4-FFF2-40B4-BE49-F238E27FC236}">
                <a16:creationId xmlns:a16="http://schemas.microsoft.com/office/drawing/2014/main" id="{C9DCC6E3-43C1-CE01-13D2-38149963EEC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457186" y="110236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50" name="OTLSHAPE_SLM_b5adde3d8a2a44ee86fe7b8a1d2fb54a_Title">
            <a:extLst>
              <a:ext uri="{FF2B5EF4-FFF2-40B4-BE49-F238E27FC236}">
                <a16:creationId xmlns:a16="http://schemas.microsoft.com/office/drawing/2014/main" id="{9D6819C0-8368-2477-3B5A-3AEB8B19280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361269" y="6269736"/>
            <a:ext cx="7112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chemeClr val="lt2"/>
                </a:solidFill>
                <a:latin typeface="Arial" panose="020B0604020202020204" pitchFamily="34" charset="0"/>
              </a:rPr>
              <a:t>$100m Obama Foundation</a:t>
            </a:r>
          </a:p>
        </p:txBody>
      </p:sp>
      <p:sp>
        <p:nvSpPr>
          <p:cNvPr id="51" name="OTLSHAPE_SLM_b5adde3d8a2a44ee86fe7b8a1d2fb54a_Date">
            <a:extLst>
              <a:ext uri="{FF2B5EF4-FFF2-40B4-BE49-F238E27FC236}">
                <a16:creationId xmlns:a16="http://schemas.microsoft.com/office/drawing/2014/main" id="{103EA8DE-0BB8-2303-F865-A1B5EC76AE8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0089828" y="614625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</a:p>
        </p:txBody>
      </p:sp>
      <p:sp>
        <p:nvSpPr>
          <p:cNvPr id="56" name="OTLSHAPE_SLM_9d24c14e21a9414cb0743556423d7622_Title">
            <a:extLst>
              <a:ext uri="{FF2B5EF4-FFF2-40B4-BE49-F238E27FC236}">
                <a16:creationId xmlns:a16="http://schemas.microsoft.com/office/drawing/2014/main" id="{6712B94A-7957-2061-24A6-401AAFC84E8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0328518" y="4201964"/>
            <a:ext cx="10795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>
                <a:solidFill>
                  <a:schemeClr val="lt2"/>
                </a:solidFill>
                <a:latin typeface="Arial" panose="020B0604020202020204" pitchFamily="34" charset="0"/>
              </a:rPr>
              <a:t>Loses title of wealthiest person to Elon Musk</a:t>
            </a:r>
            <a:endParaRPr lang="en-GB" sz="800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SLM_9d24c14e21a9414cb0743556423d7622_Date">
            <a:extLst>
              <a:ext uri="{FF2B5EF4-FFF2-40B4-BE49-F238E27FC236}">
                <a16:creationId xmlns:a16="http://schemas.microsoft.com/office/drawing/2014/main" id="{71982C57-E8D9-88EB-3A45-8B2EA8C99D8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0057077" y="407847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</a:p>
        </p:txBody>
      </p:sp>
      <p:sp>
        <p:nvSpPr>
          <p:cNvPr id="59" name="OTLSHAPE_SLM_6dee0f2e2e6a4987b7874cf105fe86a0_Title">
            <a:extLst>
              <a:ext uri="{FF2B5EF4-FFF2-40B4-BE49-F238E27FC236}">
                <a16:creationId xmlns:a16="http://schemas.microsoft.com/office/drawing/2014/main" id="{FDF166E2-1CEC-2B45-996E-8C5BF3BDE96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305632" y="4622631"/>
            <a:ext cx="6985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spc="-6">
                <a:solidFill>
                  <a:schemeClr val="lt2"/>
                </a:solidFill>
                <a:latin typeface="Arial" panose="020B0604020202020204" pitchFamily="34" charset="0"/>
              </a:rPr>
              <a:t>Steps down as </a:t>
            </a:r>
          </a:p>
          <a:p>
            <a:r>
              <a:rPr lang="en-GB" sz="800" spc="-6">
                <a:solidFill>
                  <a:schemeClr val="lt2"/>
                </a:solidFill>
                <a:latin typeface="Arial" panose="020B0604020202020204" pitchFamily="34" charset="0"/>
              </a:rPr>
              <a:t>Amazon CEO</a:t>
            </a:r>
            <a:endParaRPr lang="en-GB" sz="800" spc="-6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60" name="OTLSHAPE_SLM_6dee0f2e2e6a4987b7874cf105fe86a0_Date">
            <a:extLst>
              <a:ext uri="{FF2B5EF4-FFF2-40B4-BE49-F238E27FC236}">
                <a16:creationId xmlns:a16="http://schemas.microsoft.com/office/drawing/2014/main" id="{82302E78-CB66-14D4-4876-081FCF60B396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034191" y="449914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</a:p>
        </p:txBody>
      </p:sp>
      <p:sp>
        <p:nvSpPr>
          <p:cNvPr id="34" name="OTLSHAPE_SLM_d698fcb748174119a44ff1c2a6262c55_Date">
            <a:extLst>
              <a:ext uri="{FF2B5EF4-FFF2-40B4-BE49-F238E27FC236}">
                <a16:creationId xmlns:a16="http://schemas.microsoft.com/office/drawing/2014/main" id="{2E09F0C1-0424-7FFE-AF7D-71108AA4967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0300146" y="235517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2023</a:t>
            </a:r>
          </a:p>
        </p:txBody>
      </p:sp>
      <p:sp>
        <p:nvSpPr>
          <p:cNvPr id="35" name="OTLSHAPE_SLM_d698fcb748174119a44ff1c2a6262c55_Title">
            <a:extLst>
              <a:ext uri="{FF2B5EF4-FFF2-40B4-BE49-F238E27FC236}">
                <a16:creationId xmlns:a16="http://schemas.microsoft.com/office/drawing/2014/main" id="{E51BA23A-802F-FE5B-512C-C49BBE754AB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0577938" y="2478659"/>
            <a:ext cx="787400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chemeClr val="lt2"/>
                </a:solidFill>
                <a:latin typeface="Arial" panose="020B0604020202020204" pitchFamily="34" charset="0"/>
              </a:rPr>
              <a:t>Gets engaged to Lauren Sánchez</a:t>
            </a:r>
            <a:endParaRPr lang="en-US" sz="800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43" name="OTLSHAPE_SLM_66c05a7ecd0242e38b4b319683aa7618_Date">
            <a:extLst>
              <a:ext uri="{FF2B5EF4-FFF2-40B4-BE49-F238E27FC236}">
                <a16:creationId xmlns:a16="http://schemas.microsoft.com/office/drawing/2014/main" id="{33C4B891-FB5B-E927-C249-56233B7E4A07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0351838" y="4919811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2">
                <a:solidFill>
                  <a:srgbClr val="FEBD69"/>
                </a:solidFill>
                <a:latin typeface="Verdana" panose="020B0604030504040204" pitchFamily="34" charset="0"/>
              </a:rPr>
              <a:t>2023</a:t>
            </a:r>
          </a:p>
        </p:txBody>
      </p:sp>
      <p:sp>
        <p:nvSpPr>
          <p:cNvPr id="44" name="OTLSHAPE_SLM_66c05a7ecd0242e38b4b319683aa7618_Title">
            <a:extLst>
              <a:ext uri="{FF2B5EF4-FFF2-40B4-BE49-F238E27FC236}">
                <a16:creationId xmlns:a16="http://schemas.microsoft.com/office/drawing/2014/main" id="{ECFEAE8E-3FE5-51CC-2FAF-4B942EFB111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177427" y="5073777"/>
            <a:ext cx="1193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800" spc="-4">
                <a:solidFill>
                  <a:schemeClr val="lt2"/>
                </a:solidFill>
                <a:latin typeface="Arial" panose="020B0604020202020204" pitchFamily="34" charset="0"/>
              </a:rPr>
              <a:t>Net worth reaches $165bn</a:t>
            </a:r>
          </a:p>
        </p:txBody>
      </p:sp>
      <p:sp>
        <p:nvSpPr>
          <p:cNvPr id="63" name="OTLSHAPE_TB_00000000000000000000000000000000_TodayMarkerText" hidden="1">
            <a:extLst>
              <a:ext uri="{FF2B5EF4-FFF2-40B4-BE49-F238E27FC236}">
                <a16:creationId xmlns:a16="http://schemas.microsoft.com/office/drawing/2014/main" id="{8F2499FD-D33A-8CAC-EA3B-8C9170242AA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3989" name="OTLSHAPE_TB_00000000000000000000000000000000_Separator1">
            <a:extLst>
              <a:ext uri="{FF2B5EF4-FFF2-40B4-BE49-F238E27FC236}">
                <a16:creationId xmlns:a16="http://schemas.microsoft.com/office/drawing/2014/main" id="{EB6A0CCE-C613-A931-111A-EA466AD06812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2611115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1" name="OTLSHAPE_TB_00000000000000000000000000000000_Separator2">
            <a:extLst>
              <a:ext uri="{FF2B5EF4-FFF2-40B4-BE49-F238E27FC236}">
                <a16:creationId xmlns:a16="http://schemas.microsoft.com/office/drawing/2014/main" id="{4A2569DD-D75C-372D-24F6-282AAE7EE592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3475669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3" name="OTLSHAPE_TB_00000000000000000000000000000000_Separator3">
            <a:extLst>
              <a:ext uri="{FF2B5EF4-FFF2-40B4-BE49-F238E27FC236}">
                <a16:creationId xmlns:a16="http://schemas.microsoft.com/office/drawing/2014/main" id="{1A4BCFCE-C0B6-7265-8F7E-FED6702B5AC5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4340619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5" name="OTLSHAPE_TB_00000000000000000000000000000000_Separator4">
            <a:extLst>
              <a:ext uri="{FF2B5EF4-FFF2-40B4-BE49-F238E27FC236}">
                <a16:creationId xmlns:a16="http://schemas.microsoft.com/office/drawing/2014/main" id="{13A64D61-81F1-9F13-005C-C5D3ED7278A7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5205173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7" name="OTLSHAPE_TB_00000000000000000000000000000000_Separator5">
            <a:extLst>
              <a:ext uri="{FF2B5EF4-FFF2-40B4-BE49-F238E27FC236}">
                <a16:creationId xmlns:a16="http://schemas.microsoft.com/office/drawing/2014/main" id="{7466232F-697B-13DF-051F-65591685D0D7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6070123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9" name="OTLSHAPE_TB_00000000000000000000000000000000_Separator6">
            <a:extLst>
              <a:ext uri="{FF2B5EF4-FFF2-40B4-BE49-F238E27FC236}">
                <a16:creationId xmlns:a16="http://schemas.microsoft.com/office/drawing/2014/main" id="{F871E622-A9D5-C142-9D36-D6AF1024DC45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6934677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1" name="OTLSHAPE_TB_00000000000000000000000000000000_Separator7">
            <a:extLst>
              <a:ext uri="{FF2B5EF4-FFF2-40B4-BE49-F238E27FC236}">
                <a16:creationId xmlns:a16="http://schemas.microsoft.com/office/drawing/2014/main" id="{41040B46-F485-0C7E-4E4E-B055315F9B01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7799627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0" name="OTLSHAPE_TB_00000000000000000000000000000000_Separator8">
            <a:extLst>
              <a:ext uri="{FF2B5EF4-FFF2-40B4-BE49-F238E27FC236}">
                <a16:creationId xmlns:a16="http://schemas.microsoft.com/office/drawing/2014/main" id="{A10DC5DC-18B9-1D94-3726-AD38362331F0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8664181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2" name="OTLSHAPE_TB_00000000000000000000000000000000_Separator9">
            <a:extLst>
              <a:ext uri="{FF2B5EF4-FFF2-40B4-BE49-F238E27FC236}">
                <a16:creationId xmlns:a16="http://schemas.microsoft.com/office/drawing/2014/main" id="{2C59DC93-1B5A-A4AD-3F14-481237ABE82B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529131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4" name="OTLSHAPE_TB_00000000000000000000000000000000_Separator10">
            <a:extLst>
              <a:ext uri="{FF2B5EF4-FFF2-40B4-BE49-F238E27FC236}">
                <a16:creationId xmlns:a16="http://schemas.microsoft.com/office/drawing/2014/main" id="{959DEE68-5DB2-95D4-A424-AB4E80695952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393686" y="111760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M_8985b6ae27254a20bd5ab7ea1a975949_Shape">
            <a:extLst>
              <a:ext uri="{FF2B5EF4-FFF2-40B4-BE49-F238E27FC236}">
                <a16:creationId xmlns:a16="http://schemas.microsoft.com/office/drawing/2014/main" id="{796F973B-1B60-1327-72EC-9CEA71A2FA3B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1742133" y="76200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M_6707c99a571a45fda041b48d30fe72e1_Shape">
            <a:extLst>
              <a:ext uri="{FF2B5EF4-FFF2-40B4-BE49-F238E27FC236}">
                <a16:creationId xmlns:a16="http://schemas.microsoft.com/office/drawing/2014/main" id="{C2F44F8C-87F6-646F-8A3B-B01F3CD6376D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138301" y="76200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M_f14437adaab14b55919b355a0488a040_Shape">
            <a:extLst>
              <a:ext uri="{FF2B5EF4-FFF2-40B4-BE49-F238E27FC236}">
                <a16:creationId xmlns:a16="http://schemas.microsoft.com/office/drawing/2014/main" id="{02D710D3-DAB2-0FC6-C7E3-6FB6F9B7CF64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0674155" y="76200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28" name="OTLSHAPE_M_8985b6ae27254a20bd5ab7ea1a975949_Title">
            <a:extLst>
              <a:ext uri="{FF2B5EF4-FFF2-40B4-BE49-F238E27FC236}">
                <a16:creationId xmlns:a16="http://schemas.microsoft.com/office/drawing/2014/main" id="{63A7FA94-CD05-0C2D-C781-3ED0733803C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66429" y="454364"/>
            <a:ext cx="1663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Jeffrey Preston Bezos is born</a:t>
            </a:r>
            <a:endParaRPr kumimoji="0" lang="ro-RO" sz="1000" b="0" i="0" u="none" strike="noStrike" kern="1200" cap="none" spc="-2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4029" name="OTLSHAPE_M_8985b6ae27254a20bd5ab7ea1a975949_Date">
            <a:extLst>
              <a:ext uri="{FF2B5EF4-FFF2-40B4-BE49-F238E27FC236}">
                <a16:creationId xmlns:a16="http://schemas.microsoft.com/office/drawing/2014/main" id="{172BEE0A-51F3-6CC5-4173-4ADBD7C5B92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398047" y="613114"/>
            <a:ext cx="10033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800" b="1" i="0" u="none" strike="noStrike" kern="1200" cap="none" spc="-10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January 12, 1964</a:t>
            </a:r>
          </a:p>
        </p:txBody>
      </p:sp>
      <p:sp>
        <p:nvSpPr>
          <p:cNvPr id="111" name="OTLSHAPE_M_f14437adaab14b55919b355a0488a040_Title">
            <a:extLst>
              <a:ext uri="{FF2B5EF4-FFF2-40B4-BE49-F238E27FC236}">
                <a16:creationId xmlns:a16="http://schemas.microsoft.com/office/drawing/2014/main" id="{8CB59F9A-1904-78DE-3639-D2242AEEDC8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9892596" y="454364"/>
            <a:ext cx="187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 become world’s 1st trillionaire </a:t>
            </a:r>
          </a:p>
        </p:txBody>
      </p:sp>
      <p:sp>
        <p:nvSpPr>
          <p:cNvPr id="120" name="OTLSHAPE_M_f14437adaab14b55919b355a0488a040_Date">
            <a:extLst>
              <a:ext uri="{FF2B5EF4-FFF2-40B4-BE49-F238E27FC236}">
                <a16:creationId xmlns:a16="http://schemas.microsoft.com/office/drawing/2014/main" id="{40B1A2F8-A807-9FDD-2364-CC44C76AD99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682113" y="61311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4" name="OTLSHAPE_M_6707c99a571a45fda041b48d30fe72e1_Title">
            <a:extLst>
              <a:ext uri="{FF2B5EF4-FFF2-40B4-BE49-F238E27FC236}">
                <a16:creationId xmlns:a16="http://schemas.microsoft.com/office/drawing/2014/main" id="{ACB45ABA-42A3-D1CE-4E60-052FE2C0329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5175408" y="454364"/>
            <a:ext cx="2235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 dirty="0">
                <a:solidFill>
                  <a:schemeClr val="lt2"/>
                </a:solidFill>
                <a:latin typeface="Arial" panose="020B0604020202020204" pitchFamily="34" charset="0"/>
              </a:rPr>
              <a:t>Founds Amazon as an online bookstore</a:t>
            </a:r>
            <a:endParaRPr lang="en-US" sz="1000" spc="-2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M_6707c99a571a45fda041b48d30fe72e1_Date">
            <a:extLst>
              <a:ext uri="{FF2B5EF4-FFF2-40B4-BE49-F238E27FC236}">
                <a16:creationId xmlns:a16="http://schemas.microsoft.com/office/drawing/2014/main" id="{2BADDA70-7D40-49C4-6EA1-2E9703DBA785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6146259" y="61311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1994</a:t>
            </a:r>
          </a:p>
        </p:txBody>
      </p:sp>
      <p:pic>
        <p:nvPicPr>
          <p:cNvPr id="278" name="Picture 277">
            <a:extLst>
              <a:ext uri="{FF2B5EF4-FFF2-40B4-BE49-F238E27FC236}">
                <a16:creationId xmlns:a16="http://schemas.microsoft.com/office/drawing/2014/main" id="{55E65754-BBF7-F44F-B214-930B975D1E8E}"/>
              </a:ext>
            </a:extLst>
          </p:cNvPr>
          <p:cNvPicPr>
            <a:picLocks noChangeAspect="1"/>
          </p:cNvPicPr>
          <p:nvPr/>
        </p:nvPicPr>
        <p:blipFill>
          <a:blip r:embed="rId15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4357" y="4040372"/>
            <a:ext cx="3593912" cy="2817628"/>
          </a:xfrm>
          <a:prstGeom prst="rect">
            <a:avLst/>
          </a:prstGeom>
        </p:spPr>
      </p:pic>
      <p:pic>
        <p:nvPicPr>
          <p:cNvPr id="4033" name="Picture 4032">
            <a:extLst>
              <a:ext uri="{FF2B5EF4-FFF2-40B4-BE49-F238E27FC236}">
                <a16:creationId xmlns:a16="http://schemas.microsoft.com/office/drawing/2014/main" id="{12F0F31C-55F0-7FD3-800F-AA428112E454}"/>
              </a:ext>
            </a:extLst>
          </p:cNvPr>
          <p:cNvPicPr>
            <a:picLocks noChangeAspect="1"/>
          </p:cNvPicPr>
          <p:nvPr/>
        </p:nvPicPr>
        <p:blipFill>
          <a:blip r:embed="rId1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18838" y="5178661"/>
            <a:ext cx="2418806" cy="274320"/>
          </a:xfrm>
          <a:prstGeom prst="rect">
            <a:avLst/>
          </a:prstGeom>
        </p:spPr>
      </p:pic>
      <p:sp>
        <p:nvSpPr>
          <p:cNvPr id="4032" name="TextBox 4031">
            <a:extLst>
              <a:ext uri="{FF2B5EF4-FFF2-40B4-BE49-F238E27FC236}">
                <a16:creationId xmlns:a16="http://schemas.microsoft.com/office/drawing/2014/main" id="{4B91B31B-339E-4D31-6092-4BBD470AB820}"/>
              </a:ext>
            </a:extLst>
          </p:cNvPr>
          <p:cNvSpPr txBox="1"/>
          <p:nvPr/>
        </p:nvSpPr>
        <p:spPr>
          <a:xfrm>
            <a:off x="3119726" y="5885071"/>
            <a:ext cx="274284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chemeClr val="tx2"/>
                </a:solidFill>
                <a:latin typeface="Fave Script Bold Pro" pitchFamily="2" charset="0"/>
                <a:cs typeface="Forte Forward" panose="020F0502020204030204" pitchFamily="2" charset="0"/>
              </a:rPr>
              <a:t>Jeff Bezos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591926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NjdlMmY1Zi1jMDNjLTQ2ZjYtYTYxZS05ZTQ5YTI3MmQwYjMiLCJJbmRleCI6MiwiR3JvdXBJZCI6ImZmYmY1YjMwLTcwMDQtNDFlZS1hZjg2LWUwMWJjNDAzMWI4ZSIsIlRpdGxlIjoiU2F1ZGkgaGFja2luZyBhY2N1c2F0aW9uIiwiRGF0ZVRpbWUiOiIyMDE5LTAzLTMxVDIzOjU5OjAwIiwiUGVyY2VudGFnZUNvbXBsZXRlIjpudWxsLCJOb3RlIjpudWxsLCJTdHlsZSI6eyIkaWQiOiI2IiwiVGl0bGVQb3NpdGlvbiI6IlJpZ2h0IiwiRGF0ZVBvc2l0aW9uIjoiQWJvdmUiLCJTaGFwZVR5cGUiOjIsIlNoYXBlU2l6ZSI6MS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CwiRm9udE5hbWUiOiJWZXJkYW5hIiwiSXNCb2xkIjp0cnVlLCJJc0l0YWxpYyI6ZmFsc2UsIklzVW5kZXJsaW5lZCI6ZmFsc2UsIlBhcmVudFN0eWxlIjpudWxsfSwiQXV0b1NpemUiOjIsIkZvcmVncm91bmQiOnsiJGlkIjoiMjUiLCJDb2xvciI6eyIkaWQiOiIyNiIsIkEiOjI1NSwiUiI6MjU0LCJHIjoxODksIkIiOjEwNX19LCJNYXhXaWR0aCI6MzguMTI4MzMyMzY1MjQxNTE5LCJNYXhIZWlnaHQiOiJJbmZpbml0eSIsIlNtYXJ0Rm9yZWdyb3VuZElzQWN0aXZlIjpmYWxzZSwiSG9yaXpvbnRhbEFsaWdubWVudCI6MS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NjciLCJDb2xvciI6eyIkaWQiOiIxNjgiLCJBIjowLCJSIjoyNTUsIkciOjI1NSwiQiI6MjU1fX0sIklzVmlzaWJsZSI6dHJ1ZSwiV2lkdGgiOjAuMCwiSGVpZ2h0IjowLjAsIkJvcmRlclN0eWxlIjpudWxsLCJQYXJlbnRTdHlsZSI6bnVsbH0sIkRhdGVGb3JtYXQiOnsiJGlkIjoiMTY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yNTUsIkciOjI1NSwiQiI6MjU1fX0sIklzVmlzaWJsZSI6dHJ1ZSwiV2lkdGgiOjAuMCwiSGVpZ2h0IjowLjAsIkJvcmRlclN0eWxlIjpudWxsLCJQYXJlbnRTdHlsZSI6bnVsbH0sIkRhdGVGb3JtYXQiOnsiJGlkIjoiMzE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RGF0ZUZvcm1hdCI6eyIkaWQiOiIzN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m51bGwsIlBhcmVudFN0eWxlIjpudWxsfSwiRGF0ZVN0eWxlIjp7IiRpZCI6IjM2MCIsIkZvbnRTZXR0aW5ncyI6eyIkaWQiOiIzNjEiLCJGb250U2l6ZSI6OCwiRm9udE5hbWUiOiJWZXJkYW5hIiwiSXNCb2xkIjp0cnVlLCJJc0l0YWxpYyI6ZmFsc2UsIklzVW5kZXJsaW5lZCI6ZmFsc2UsIlBhcmVudFN0eWxlIjpudWxsfSwiQXV0b1NpemUiOjIsIkZvcmVncm91bmQiOnsiJGlkIjoiMzYyIiwiQ29sb3IiOnsiJGlkIjoiMzYzIiwiQSI6MjU1LCJSIjoyNTQsIkciOjE4OSwiQiI6MTA1fX0sIk1heFdpZHRoIjo2Mi42OTcwMjQzMzk0ODkyMzI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pZCI6IjM2NiIsIkNvbG9yIjp7IiRpZCI6IjM2NyIsIkEiOjAsIlIiOjI1NSwiRyI6MjU1LCJCIjoyNTV9fSwiSXNWaXNpYmxlIjp0cnVlLCJXaWR0aCI6MC4wLCJIZWlnaHQiOjAuMCwiQm9yZGVyU3R5bGUiOm51bGwsIlBhcmVudFN0eWxlIjpudWxsfSwiRGF0ZUZvcm1hdCI6eyIkaWQiOiIzN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AsIlIiOjI1NSwiRyI6MjU1LCJCIjoyNTV9fSwiSXNWaXNpYmxlIjp0cnVlLCJXaWR0aCI6MC4wLCJIZWlnaHQiOjAuMCwiQm9yZGVyU3R5bGUiOm51bGwsIlBhcmVudFN0eWxlIjpudWxsfSwiRGF0ZUZvcm1hdCI6eyIkaWQiOiIzO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5NyIsIkRhdGVQYXJ0SXNWaXNpYmxlIjp0cnVlLCJUaW1lUGFydElzVmlzaWJsZSI6ZmFsc2V9fSwiV2Vla051bWJlcmluZyI6eyIkaWQiOiIzOTg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TMsIklkIjoiYjBhM2NjNjItMDNmMy00ZDRlLWI4YTItNTI1MjQ2NGVmZDM2IiwiSGVhZGVyVGV4dCI6bnVsbCwiSXNEZWZhdWx0Ijp0cnVlLCJTdHlsZSI6eyIkaWQiOiIzOTkiLCJIZWFkZXJTdHlsZSI6eyIkaWQiOiI0MDAiLCJUZXh0U3R5bGUiOnsiJGlkIjoiNDAxIiwiRm9udFNldHRpbmdzIjp7IiRpZCI6IjQwMiIsIkZvbnRTaXplIjoxMSwiRm9udE5hbWUiOiJDYWxpYnJpIiwiSXNCb2xkIjpmYWxzZSwiSXNJdGFsaWMiOmZhbHNlLCJJc1VuZGVybGluZWQiOmZhbHNlLCJQYXJlbnRTdHlsZSI6bnVsbH0sIkF1dG9TaXplIjoyLCJGb3JlZ3JvdW5kIjp7IiRpZCI6IjQwMyIsIkNvbG9yIjp7IiRpZCI6IjQ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NYXJnaW4iOnsiJGlkIjoiNDE1IiwiVG9wIjowLjAsIkxlZnQiOjAuMCwiUmlnaHQiOjAuMCwiQm90dG9tIjowLjB9LCJQYWRkaW5nIjp7IiRpZCI6IjQxNiIsIlRvcCI6MC4wLCJMZWZ0IjowLjAsIlJpZ2h0IjowLjAsIkJvdHRvbSI6MC4wfSwiQmFja2dyb3VuZCI6bnVsbCwiSXNWaXNpYmxlIjp0cnVlLCJXaWR0aCI6MC4wLCJIZWlnaHQiOjAuMCwiQm9yZGVyU3R5bGUiOm51bGwsIlBhcmVudFN0eWxlIjpudWxsfSwiQmFja2dyb3VuZF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GlkIjoiNDc0IiwiQSI6MCwiUiI6MjU1LCJHIjoyNTUsIkIiOjI1NX19LCJJc1Zpc2libGUiOnRydWUsIldpZHRoIjowLjAsIkhlaWdodCI6MC4wLCJCb3JkZXJTdHlsZSI6bnVsbCwiUGFyZW50U3R5bGUiOm51bGx9LCJEYXRlRm9ybWF0Ijp7IiRpZCI6IjQ3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aWQiOiI1MDAiLCJDb2xvciI6eyIkaWQiOiI1MDEiLCJBIjowLCJSIjoyNTUsIkciOjI1NSwiQiI6MjU1fX0sIklzVmlzaWJsZSI6dHJ1ZSwiV2lkdGgiOjAuMCwiSGVpZ2h0IjowLjAsIkJvcmRlclN0eWxlIjpudWxsLCJQYXJlbnRTdHlsZSI6bnVsbH0sIkRhdGVGb3JtYXQiOnsiJGlkIjoiNTA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AsIlIiOjI1NSwiRyI6MjU1LCJCIjoyNTV9fSwiSXNWaXNpYmxlIjp0cnVlLCJXaWR0aCI6MC4wLCJIZWlnaHQiOjAuMCwiQm9yZGVyU3R5bGUiOm51bGwsIlBhcmVudFN0eWxlIjpudWxsfSwiRGF0ZUZvcm1hdCI6eyIkaWQiOiI1M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m51bGwsIlBhcmVudFN0eWxlIjpudWxsfSwiRGF0ZUZvcm1hdCI6eyIkaWQiOiI1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aWQiOiI1ODMiLCJBIjowLCJSIjoyNTUsIkciOjI1NSwiQiI6MjU1fX0sIklzVmlzaWJsZSI6dHJ1ZSwiV2lkdGgiOjAuMCwiSGVpZ2h0IjowLjAsIkJvcmRlclN0eWxlIjpudWxsLCJQYXJlbnRTdHlsZSI6bnVsbH0sIkRhdGVGb3JtYXQiOnsiJGlkIjoiNT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pZCI6IjYxMCIsIkEiOjAsIlIiOjI1NSwiRyI6MjU1LCJCIjoyNTV9fSwiSXNWaXNpYmxlIjp0cnVlLCJXaWR0aCI6MC4wLCJIZWlnaHQiOjAuMCwiQm9yZGVyU3R5bGUiOm51bGwsIlBhcmVudFN0eWxlIjpudWxsfSwiRGF0ZUZvcm1hdCI6eyIkaWQiOiI2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2MzIiLCJDb2xvciI6eyIkaWQiOiI2MzMiLCJBIjowLCJSIjoyNTUsIkciOjI1NSwiQiI6MjU1fX0sIklzVmlzaWJsZSI6dHJ1ZSwiV2lkdGgiOjAuMCwiSGVpZ2h0IjowLjAsIkJvcmRlclN0eWxlIjpudWxsLCJQYXJlbnRTdHlsZSI6bnVsbH0sIkRhdGVGb3JtYXQiOnsiJGlkIjoiN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c1IiwiQ29sb3IiOnsiJGlkIjoiNjc2IiwiQSI6MCwiUiI6MjU1LCJHIjoyNTUsIkIiOjI1NX19LCJJc1Zpc2libGUiOnRydWUsIldpZHRoIjowLjAsIkhlaWdodCI6MC4wLCJCb3JkZXJTdHlsZSI6bnVsbCwiUGFyZW50U3R5bGUiOm51bGx9LCJEYXRlU3R5bGUiOnsiJGlkIjoiNjc3IiwiRm9udFNldHRpbmdzIjp7IiRpZCI6IjY3OCIsIkZvbnRTaXplIjo4LCJGb250TmFtZSI6IlZlcmRhbmEiLCJJc0JvbGQiOnRydWUsIklzSXRhbGljIjpmYWxzZSwiSXNVbmRlcmxpbmVkIjpmYWxzZSwiUGFyZW50U3R5bGUiOm51bGx9LCJBdXRvU2l6ZSI6MCwiRm9yZWdyb3VuZCI6eyIkaWQiOiI2NzkiLCJDb2xvciI6eyIkaWQiOiI2ODA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jgxIiwiQ29sb3IiOnsiJGlkIjoiNjgyIiwiQSI6MCwiUiI6MjU1LCJHIjoyNTUsIkIiOjI1NX19LCJJc1Zpc2libGUiOnRydWUsIldpZHRoIjowLjAsIkhlaWdodCI6MC4wLCJCb3JkZXJTdHlsZSI6bnVsbCwiUGFyZW50U3R5bGUiOm51bGx9LCJEYXRlRm9ybWF0Ijp7IiRpZCI6IjY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m51bGwsIlBhcmVudFN0eWxlIjpudWxsfSwiRGF0ZUZvcm1hdCI6eyIkaWQiOiI3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bnVsbCwiUGFyZW50U3R5bGUiOm51bGx9LCJEYXRlRm9ybWF0Ijp7IiRpZCI6Ijc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UaXRsZVN0eWxlIjp7IiRpZCI6Ijc3MCIsIkZvbnRTZXR0aW5ncyI6eyIkaWQiOiI3NzEiLCJGb250U2l6ZSI6MTAsIkZvbnROYW1lIjoiQXJpYWwiLCJJc0JvbGQiOmZhbHNlLCJJc0l0YWxpYyI6ZmFsc2UsIklzVW5kZXJsaW5lZCI6ZmFsc2UsIlBhcmVudFN0eWxlIjpudWxsfSwiQXV0b1NpemUiOjAsIkZvcmVncm91bmQiOnsiJGlkIjoiNzcyIiwiQ29sb3IiOnsiJGlkIjoiNzczIiwiQSI6MjU1LCJSIjoyMzgsIkciOjIzNiwiQiI6MjI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3NCIsIkNvbG9yIjp7IiRpZCI6Ijc3NSIsIkEiOjAsIlIiOjI1NSwiRyI6MjU1LCJCIjoyNTV9fSwiSXNWaXNpYmxlIjp0cnVlLCJXaWR0aCI6MC4wLCJIZWlnaHQiOjAuMCwiQm9yZGVyU3R5bGUiOm51bGwsIlBhcmVudFN0eWxlIjpudWxsfSwiRGF0ZVN0eWxlIjp7IiRpZCI6Ijc3NiIsIkZvbnRTZXR0aW5ncyI6eyIkaWQiOiI3NzciLCJGb250U2l6ZSI6OCwiRm9udE5hbWUiOiJWZXJkYW5hIiwiSXNCb2xkIjp0cnVlLCJJc0l0YWxpYyI6ZmFsc2UsIklzVW5kZXJsaW5lZCI6ZmFsc2UsIlBhcmVudFN0eWxlIjpudWxsfSwiQXV0b1NpemUiOjAsIkZvcmVncm91bmQiOnsiJHJlZiI6Ijc1Mi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NzgiLCJDb2xvciI6eyIkaWQiOiI3NzkiLCJBIjowLCJSIjoyNTUsIkciOjI1NSwiQiI6MjU1fX0sIklzVmlzaWJsZSI6dHJ1ZSwiV2lkdGgiOjAuMCwiSGVpZ2h0IjowLjAsIkJvcmRlclN0eWxlIjpudWxsLCJQYXJlbnRTdHlsZSI6bnVsbH0sIkRhdGVGb3JtYXQiOnsiJGlkIjoiNz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UxIiwiQ29sb3IiOnsiJGlkIjoiODUyIiwiQSI6MCwiUiI6MjU1LCJHIjoyNTUsIkIiOjI1NX19LCJJc1Zpc2libGUiOnRydWUsIldpZHRoIjowLjAsIkhlaWdodCI6MC4wLCJCb3JkZXJTdHlsZSI6bnVsbCwiUGFyZW50U3R5bGUiOm51bGx9LCJEYXRlRm9ybWF0Ijp7IiRpZCI6Ijg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cyIiwiQ29sb3IiOnsiJGlkIjoiODczIiwiQSI6MCwiUiI6MjU1LCJHIjoyNTUsIkIiOjI1NX19LCJJc1Zpc2libGUiOnRydWUsIldpZHRoIjowLjAsIkhlaWdodCI6MC4wLCJCb3JkZXJTdHlsZSI6bnVsbCwiUGFyZW50U3R5bGUiOm51bGx9LCJEYXRlRm9ybWF0Ijp7IiRpZCI6Ijg3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k0IiwiQ29sb3IiOnsiJGlkIjoiODk1IiwiQSI6MCwiUiI6MjU1LCJHIjoyNTUsIkIiOjI1NX19LCJJc1Zpc2libGUiOnRydWUsIldpZHRoIjowLjAsIkhlaWdodCI6MC4wLCJCb3JkZXJTdHlsZSI6bnVsbCwiUGFyZW50U3R5bGUiOm51bGx9LCJEYXRlRm9ybWF0Ijp7IiRpZCI6Ijg5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M1IiwiQ29sb3IiOnsiJGlkIjoiOTM2IiwiQSI6MCwiUiI6MjU1LCJHIjoyNTUsIkIiOjI1NX19LCJJc1Zpc2libGUiOnRydWUsIldpZHRoIjowLjAsIkhlaWdodCI6MC4wLCJCb3JkZXJTdHlsZSI6bnVsbCwiUGFyZW50U3R5bGUiOm51bGx9LCJEYXRlRm9ybWF0Ijp7IiRpZCI6Ijkz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1NiIsIkNvbG9yIjp7IiRpZCI6Ijk1NyIsIkEiOjAsIlIiOjI1NSwiRyI6MjU1LCJCIjoyNTV9fSwiSXNWaXNpYmxlIjp0cnVlLCJXaWR0aCI6MC4wLCJIZWlnaHQiOjAuMCwiQm9yZGVyU3R5bGUiOm51bGwsIlBhcmVudFN0eWxlIjpudWxsfSwiRGF0ZUZvcm1hdCI6eyIkaWQiOiI5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k3MiIsIkNvbG9yIjp7IiRpZCI6Ijk3MyIsIkEiOjAsIlIiOjI1NSwiRyI6MjU1LCJCIjoyNTV9fSwiSXNWaXNpYmxlIjp0cnVlLCJXaWR0aCI6MC4wLCJIZWlnaHQiOjAuMCwiQm9yZGVyU3R5bGUiOm51bGwsIlBhcmVudFN0eWxlIjpudWxsfSwiRGF0ZVN0eWxlIjp7IiRpZCI6Ijk3NCIsIkZvbnRTZXR0aW5ncyI6eyIkaWQiOiI5NzUiLCJGb250U2l6ZSI6OCwiRm9udE5hbWUiOiJWZXJkYW5hIiwiSXNCb2xkIjp0cnVlLCJJc0l0YWxpYyI6ZmFsc2UsIklzVW5kZXJsaW5lZCI6ZmFsc2UsIlBhcmVudFN0eWxlIjpudWxsfSwiQXV0b1NpemUiOjAsIkZvcmVncm91bmQiOnsiJHJlZiI6Ijc1Mi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NzYiLCJDb2xvciI6eyIkaWQiOiI5NzciLCJBIjowLCJSIjoyNTUsIkciOjI1NSwiQiI6MjU1fX0sIklzVmlzaWJsZSI6dHJ1ZSwiV2lkdGgiOjAuMCwiSGVpZ2h0IjowLjAsIkJvcmRlclN0eWxlIjpudWxsLCJQYXJlbnRTdHlsZSI6bnVsbH0sIkRhdGVGb3JtYXQiOnsiJGlkIjoiOT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1MSwiUiI6MTgyLCJHIjo3MywiQiI6Mzh9fSwiSXNWaXNpYmxlIjp0cnVlLCJXaWR0aCI6MC4wLCJIZWlnaHQiOjA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yNTUsIlIiOjI1NSwiRyI6MjU1LCJCIjoyNTV9fSwiSXNWaXNpYmxlIjpmYWxz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EzMCIsIkNvbG9yIjp7IiRyZWYiOiIxMTAyIn19LCJJc1Zpc2libGUiOnRydWUsIldpZHRoIjowLjAsIkhlaWdodCI6MC4wLCJCb3JkZXJTdHlsZSI6bnVsbCwiUGFyZW50U3R5bGUiOm51bGx9LCJEYXRlU3R5bGUiOnsiJGlkIjoiMTEzMSIsIkZvbnRTZXR0aW5ncyI6eyIkaWQiOiIxMTMyIiwiRm9udFNpemUiOjgsIkZvbnROYW1lIjoiVmVyZGFuYSIsIklzQm9sZCI6dHJ1ZSwiSXNJdGFsaWMiOmZhbHNlLCJJc1VuZGVybGluZWQiOmZhbHNlLCJQYXJlbnRTdHlsZSI6bnVsbH0sIkF1dG9TaXplIjowLCJGb3JlZ3JvdW5kIjp7IiRyZWYiOiI3NTI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EzMyIsIkNvbG9yIjp7IiRyZWYiOiIxMTAyIn19LCJJc1Zpc2libGUiOnRydWUsIldpZHRoIjowLjAsIkhlaWdodCI6MC4wLCJCb3JkZXJTdHlsZSI6bnVsbCwiUGFyZW50U3R5bGUiOm51bGx9LCJEYXRlRm9ybWF0Ijp7IiRpZCI6IjExM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3IiwiVG9wIjowLjAsIkxlZnQiOjAuMCwiUmlnaHQiOjAuMCwiQm90dG9tIjowLjB9LCJQYWRkaW5nIjp7IiRpZCI6IjExNzgiLCJUb3AiOjAuMCwiTGVmdCI6MC4wLCJSaWdodCI6MC4wLCJCb3R0b20iOjAuMH0sIkJhY2tncm91bmQiOnsiJGlkIjoiMTE3OSIsIkNvbG9yIjp7IiRyZWYiOiIxMTAyIn19LCJJc1Zpc2libGUiOnRydWUsIldpZHRoIjowLjAsIkhlaWdodCI6MC4wLCJCb3JkZXJTdHlsZSI6bnVsbCwiUGFyZW50U3R5bGUiOm51bGx9LCJEYXRlRm9ybWF0Ijp7IiRpZCI6IjEx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MSIsIkZvcm1hdCI6MCwiSXNWaXNpYmxlIjpmYWxzZSwiTGFzdEtub3duVmlzaWJpbGl0eVN0YXRlIjpmYWxzZX0sIklzVmlzaWJsZSI6dHJ1ZSwiUGFyZW50U3R5bGUiOm51bGwsIl9leHBsaWNpdGx5U2V0Ijp7IiRpZCI6IjExO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yMTciLCJBY3Rpdml0eUhlYWRlcldpZHRoIjowLjAsIklzU2V0IjpmYWxzZX0sIkRlZmF1bHRTd2ltbGFuZVN0eWxlIjp7IiRpZCI6IjEyMTgiLCJIZWFkZXJTdHlsZSI6eyIkaWQiOiIxMjE5IiwiVGV4dFN0eWxlIjp7IiRpZCI6IjEyMjAiLCJGb250U2V0dGluZ3MiOnsiJGlkIjoiMTIyMSIsIkZvbnRTaXplIjoxMiwiRm9udE5hbWUiOiJDYWxpYnJpIiwiSXNCb2xkIjpmYWxzZSwiSXNJdGFsaWMiOmZhbHNlLCJJc1VuZGVybGluZWQiOmZhbHNlLCJQYXJlbnRTdHlsZSI6bnVsbH0sIkF1dG9TaXplIjowLCJGb3JlZ3JvdW5kIjp7IiRpZCI6IjEyMjIiLCJDb2xvciI6eyIkaWQiOiIxMjI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MzMCIsIkNvbG9yIjp7IiRpZCI6IjEzMzEiLCJBIjowLCJSIjoyNTUsIkciOjI1NSwiQiI6MjU1fX0sIklzVmlzaWJsZSI6dHJ1ZSwiV2lkdGgiOjAuMCwiSGVpZ2h0IjowLjAsIkJvcmRlclN0eWxlIjp7IiRpZCI6IjEzMzIiLCJMaW5lQ29sb3IiOm51bGwsIkxpbmVXZWlnaHQiOjAuMCwiTGluZVR5cGUiOjAsIlBhcmVudFN0eWxlIjpudWxsfSwiUGFyZW50U3R5bGUiOm51bGx9LCJEYXRlRm9ybWF0Ijp7IiRpZCI6IjEzM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zYwIiwiQ29sb3IiOnsiJGlkIjoiMTM2MSIsIkEiOjAsIlIiOjI1NSwiRyI6MjU1LCJCIjoyNTV9fSwiSXNWaXNpYmxlIjp0cnVlLCJXaWR0aCI6MC4wLCJIZWlnaHQiOjAuMCwiQm9yZGVyU3R5bGUiOnsiJGlkIjoiMTM2MiIsIkxpbmVDb2xvciI6bnVsbCwiTGluZVdlaWdodCI6MC4wLCJMaW5lVHlwZSI6MCwiUGFyZW50U3R5bGUiOm51bGx9LCJQYXJlbnRTdHlsZSI6bnVsbH0sIkRhdGVGb3JtYXQiOnsiJGlkIjoiMTM2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M2OSIsIkltcGFPcHRpb25zIjp7IiRpZCI6IjEzNz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1963-01-01T00:00:00.0000000"/>
  <p:tag name="OTLTIMEBANDENDDATE" val="2027-02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8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Jeffrey Preston Bezos is born"/>
  <p:tag name="OTLDATE" val="1964-01-12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nds Amazon as an online bookstore"/>
  <p:tag name="OTLDATE" val="1994-07-14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o become world’s 1st trillionaire "/>
  <p:tag name="OTLDATE" val="2026-01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ries novelist MacKenzie Tuttle"/>
  <p:tag name="OTLDATE" val="1993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lectrical engineering &amp; computer science degrees from Princeton (Summa Cum Laude)"/>
  <p:tag name="OTLDATE" val="1986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raduates from high school as valedictorian"/>
  <p:tag name="OTLDATE" val="1982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rolls at Miami Palmetto High School"/>
  <p:tag name="OTLDATE" val="1978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onorary doctorate from Carnegie Mellon Univ."/>
  <p:tag name="OTLDATE" val="2008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nds Amazon as an online bookstore"/>
  <p:tag name="OTLDATE" val="1994-07-14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ired as product manager at Bankers Trust"/>
  <p:tag name="OTLDATE" val="1988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s The Washington Post"/>
  <p:tag name="OTLDATE" val="2013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ounds Blue Origin"/>
  <p:tag name="OTLDATE" val="2000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comes world's wealthiest person"/>
  <p:tag name="OTLDATE" val="2017-07-27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kes Amazon public"/>
  <p:tag name="OTLDATE" val="1997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versifies Amazon's product range"/>
  <p:tag name="OTLDATE" val="1998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ime Person of the Year "/>
  <p:tag name="OTLDATE" val="1999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es contract with CIA"/>
  <p:tag name="OTLDATE" val="2013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s to Seattle"/>
  <p:tag name="OTLDATE" val="1994-08-23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 Helicopter crash in West Texas"/>
  <p:tag name="OTLDATE" val="2003-03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s in Star Trek Beyond              "/>
  <p:tag name="OTLDATE" val="2016-07-2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Divorces MacKenzie"/>
  <p:tag name="OTLDATE" val="2019-04-0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udi hacking accusation"/>
  <p:tag name="OTLDATE" val="2019-03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500,000 Worldreader"/>
  <p:tag name="OTLDATE" val="2013-01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1m Reporters Committee for Freedom of the Press"/>
  <p:tag name="OTLDATE" val="2017-06-23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2bn Day 1 Families &amp; Day 1 Academies"/>
  <p:tag name="OTLDATE" val="2018-10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33 m TheDream.US     "/>
  <p:tag name="OTLDATE" val="2018-01-1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0-02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$10bn Bezos EF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9-07-1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1st public appearance with Lauren Sánche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100m Obama Foundation"/>
  <p:tag name="OTLDATE" val="2021-11-2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ses title of wealthiest person to Elon Musk"/>
  <p:tag name="OTLDATE" val="2021-09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7-05T00:00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Steps down as &#10;Amazon CEO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ets engaged to Lauren Sánchez"/>
  <p:tag name="OTLDATE" val="2023-05-09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et worth reaches $165bn"/>
  <p:tag name="OTLDATE" val="2023-09-17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6</Words>
  <Application>Microsoft Office PowerPoint</Application>
  <PresentationFormat>Widescreen</PresentationFormat>
  <Paragraphs>9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Fave Script Bold Pro</vt:lpstr>
      <vt:lpstr>Segoe UI</vt:lpstr>
      <vt:lpstr>Segoe UI Light</vt:lpstr>
      <vt:lpstr>Segoe UI Semibold</vt:lpstr>
      <vt:lpstr>Verdana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29T12:11:36Z</dcterms:created>
  <dcterms:modified xsi:type="dcterms:W3CDTF">2024-02-13T10:38:02Z</dcterms:modified>
</cp:coreProperties>
</file>